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Ⅱ統計\２　経理状況\ＸＬＳ\"/>
    </mc:Choice>
  </mc:AlternateContent>
  <bookViews>
    <workbookView xWindow="0" yWindow="0" windowWidth="20490" windowHeight="7185"/>
  </bookViews>
  <sheets>
    <sheet name="第7表 (2)" sheetId="1" r:id="rId1"/>
  </sheets>
  <definedNames>
    <definedName name="_Key1" hidden="1">#REF!</definedName>
    <definedName name="_Order1" hidden="1">0</definedName>
    <definedName name="\b">#REF!</definedName>
    <definedName name="_xlnm.Print_Area" localSheetId="0">'第7表 (2)'!$A$1:$BE$5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69" uniqueCount="137">
  <si>
    <t xml:space="preserve">第７－２表  経理状況(歳出)－１  </t>
    <phoneticPr fontId="1"/>
  </si>
  <si>
    <t>第７－２表  経理状況(歳出)－２</t>
  </si>
  <si>
    <t>第７－２表  経理状況(歳出)－３</t>
    <phoneticPr fontId="1"/>
  </si>
  <si>
    <t xml:space="preserve">第７－３表  経理状況(その他) </t>
    <phoneticPr fontId="1"/>
  </si>
  <si>
    <t xml:space="preserve">  </t>
    <phoneticPr fontId="1"/>
  </si>
  <si>
    <t>（単位：円）</t>
  </si>
  <si>
    <t>保険者名</t>
  </si>
  <si>
    <t>保　　　　　　険　　　　　　給　　　　　　付</t>
  </si>
  <si>
    <t>保険給付</t>
    <rPh sb="0" eb="2">
      <t>ホケン</t>
    </rPh>
    <rPh sb="2" eb="4">
      <t>キュウフ</t>
    </rPh>
    <phoneticPr fontId="1"/>
  </si>
  <si>
    <t>保険給付</t>
    <phoneticPr fontId="1"/>
  </si>
  <si>
    <t>後  期  高  齢  者  拠  出  金</t>
    <rPh sb="0" eb="1">
      <t>アト</t>
    </rPh>
    <rPh sb="3" eb="4">
      <t>キ</t>
    </rPh>
    <rPh sb="6" eb="7">
      <t>タカ</t>
    </rPh>
    <rPh sb="9" eb="10">
      <t>ヨワイ</t>
    </rPh>
    <rPh sb="12" eb="13">
      <t>シャ</t>
    </rPh>
    <rPh sb="15" eb="16">
      <t>キョ</t>
    </rPh>
    <rPh sb="18" eb="19">
      <t>デ</t>
    </rPh>
    <rPh sb="21" eb="22">
      <t>キン</t>
    </rPh>
    <phoneticPr fontId="1"/>
  </si>
  <si>
    <t>前  期  高  齢  者  拠  出  金</t>
    <rPh sb="0" eb="1">
      <t>マエ</t>
    </rPh>
    <rPh sb="3" eb="4">
      <t>キ</t>
    </rPh>
    <rPh sb="6" eb="7">
      <t>タカ</t>
    </rPh>
    <rPh sb="9" eb="10">
      <t>ヨワイ</t>
    </rPh>
    <rPh sb="12" eb="13">
      <t>シャ</t>
    </rPh>
    <rPh sb="15" eb="16">
      <t>キョ</t>
    </rPh>
    <rPh sb="18" eb="19">
      <t>デ</t>
    </rPh>
    <rPh sb="21" eb="22">
      <t>キン</t>
    </rPh>
    <phoneticPr fontId="1"/>
  </si>
  <si>
    <t>老人保健拠出金</t>
    <phoneticPr fontId="1"/>
  </si>
  <si>
    <t>共   同   事   業   拠   出   金</t>
    <phoneticPr fontId="1"/>
  </si>
  <si>
    <t>保健事業費</t>
  </si>
  <si>
    <t>直診勘定
繰出金</t>
    <rPh sb="5" eb="7">
      <t>クリダ</t>
    </rPh>
    <rPh sb="7" eb="8">
      <t>キン</t>
    </rPh>
    <phoneticPr fontId="1"/>
  </si>
  <si>
    <t>その他の支出</t>
    <rPh sb="2" eb="3">
      <t>タ</t>
    </rPh>
    <rPh sb="4" eb="6">
      <t>シシュツ</t>
    </rPh>
    <phoneticPr fontId="1"/>
  </si>
  <si>
    <t>単年度支出計</t>
    <rPh sb="0" eb="3">
      <t>タンネンド</t>
    </rPh>
    <rPh sb="3" eb="5">
      <t>シシュツ</t>
    </rPh>
    <rPh sb="5" eb="6">
      <t>ケイ</t>
    </rPh>
    <phoneticPr fontId="1"/>
  </si>
  <si>
    <t>基金等積立金</t>
    <rPh sb="0" eb="2">
      <t>キキン</t>
    </rPh>
    <rPh sb="2" eb="3">
      <t>トウ</t>
    </rPh>
    <rPh sb="3" eb="6">
      <t>ツミタテキン</t>
    </rPh>
    <phoneticPr fontId="1"/>
  </si>
  <si>
    <t>前年度
繰上充用金</t>
    <rPh sb="4" eb="6">
      <t>クリア</t>
    </rPh>
    <rPh sb="6" eb="8">
      <t>ジュウヨウ</t>
    </rPh>
    <rPh sb="8" eb="9">
      <t>キン</t>
    </rPh>
    <phoneticPr fontId="1"/>
  </si>
  <si>
    <t>公債費　　　　   （組合債費）</t>
    <rPh sb="0" eb="2">
      <t>コウサイ</t>
    </rPh>
    <rPh sb="2" eb="3">
      <t>ヒ</t>
    </rPh>
    <rPh sb="11" eb="13">
      <t>クミアイ</t>
    </rPh>
    <rPh sb="13" eb="14">
      <t>サイ</t>
    </rPh>
    <rPh sb="14" eb="15">
      <t>ヒ</t>
    </rPh>
    <phoneticPr fontId="1"/>
  </si>
  <si>
    <t>支出合計</t>
    <rPh sb="0" eb="2">
      <t>シシュツ</t>
    </rPh>
    <rPh sb="2" eb="4">
      <t>ゴウケイ</t>
    </rPh>
    <phoneticPr fontId="1"/>
  </si>
  <si>
    <t>単年度収支差</t>
    <rPh sb="0" eb="3">
      <t>タンネンド</t>
    </rPh>
    <rPh sb="3" eb="5">
      <t>シュウシ</t>
    </rPh>
    <rPh sb="5" eb="6">
      <t>サ</t>
    </rPh>
    <phoneticPr fontId="1"/>
  </si>
  <si>
    <t>5月31日現在</t>
    <phoneticPr fontId="1"/>
  </si>
  <si>
    <t xml:space="preserve">収        　　　　　　納   </t>
  </si>
  <si>
    <t>保    険    給    付    未    払    分</t>
  </si>
  <si>
    <t>総 務 費</t>
  </si>
  <si>
    <t>療    養    諸    費</t>
    <phoneticPr fontId="1"/>
  </si>
  <si>
    <t>高額療養費</t>
  </si>
  <si>
    <t>高額介護合算　　　療養費</t>
    <rPh sb="0" eb="2">
      <t>コウガク</t>
    </rPh>
    <rPh sb="2" eb="4">
      <t>カイゴ</t>
    </rPh>
    <rPh sb="4" eb="6">
      <t>ガッサン</t>
    </rPh>
    <rPh sb="9" eb="12">
      <t>リョウヨウヒ</t>
    </rPh>
    <phoneticPr fontId="1"/>
  </si>
  <si>
    <t>移 送 費</t>
  </si>
  <si>
    <t>出産育児諸費</t>
    <rPh sb="4" eb="6">
      <t>ショヒ</t>
    </rPh>
    <phoneticPr fontId="1"/>
  </si>
  <si>
    <t>葬 祭 費</t>
  </si>
  <si>
    <t>その他給付</t>
  </si>
  <si>
    <t>保険給付合計</t>
  </si>
  <si>
    <t>後期高齢者　　　   支援金</t>
    <rPh sb="0" eb="2">
      <t>コウキ</t>
    </rPh>
    <rPh sb="2" eb="5">
      <t>コウレイシャ</t>
    </rPh>
    <rPh sb="11" eb="14">
      <t>シエンキン</t>
    </rPh>
    <phoneticPr fontId="1"/>
  </si>
  <si>
    <t>事務費拠出金</t>
    <rPh sb="0" eb="3">
      <t>ジムヒ</t>
    </rPh>
    <rPh sb="3" eb="6">
      <t>キョシュツキン</t>
    </rPh>
    <phoneticPr fontId="1"/>
  </si>
  <si>
    <t>前期高齢者　　　   納付金</t>
    <rPh sb="0" eb="2">
      <t>ゼンキ</t>
    </rPh>
    <rPh sb="2" eb="5">
      <t>コウレイシャ</t>
    </rPh>
    <rPh sb="11" eb="14">
      <t>ノウフキン</t>
    </rPh>
    <phoneticPr fontId="1"/>
  </si>
  <si>
    <t>医療費拠出金</t>
  </si>
  <si>
    <t>事務費拠出金</t>
  </si>
  <si>
    <t>介護納付金</t>
    <rPh sb="0" eb="2">
      <t>カイゴ</t>
    </rPh>
    <rPh sb="2" eb="5">
      <t>ノウフキン</t>
    </rPh>
    <phoneticPr fontId="1"/>
  </si>
  <si>
    <t>高額医療費</t>
    <rPh sb="0" eb="2">
      <t>コウガク</t>
    </rPh>
    <rPh sb="2" eb="5">
      <t>イリョウヒ</t>
    </rPh>
    <phoneticPr fontId="1"/>
  </si>
  <si>
    <t>保険財政</t>
    <rPh sb="0" eb="2">
      <t>ホケン</t>
    </rPh>
    <rPh sb="2" eb="4">
      <t>ザイセイ</t>
    </rPh>
    <phoneticPr fontId="1"/>
  </si>
  <si>
    <t>その他</t>
    <rPh sb="2" eb="3">
      <t>タ</t>
    </rPh>
    <phoneticPr fontId="1"/>
  </si>
  <si>
    <t>特定健康診査等          事業費</t>
    <rPh sb="0" eb="2">
      <t>トクテイ</t>
    </rPh>
    <rPh sb="2" eb="4">
      <t>ケンコウ</t>
    </rPh>
    <rPh sb="4" eb="6">
      <t>シンサ</t>
    </rPh>
    <rPh sb="6" eb="7">
      <t>トウ</t>
    </rPh>
    <rPh sb="17" eb="20">
      <t>ジギョウヒ</t>
    </rPh>
    <phoneticPr fontId="1"/>
  </si>
  <si>
    <t>収支差引残</t>
  </si>
  <si>
    <t>基金等保有額</t>
  </si>
  <si>
    <t>市町村債</t>
  </si>
  <si>
    <t>保 険 料 (税) 現 年 分</t>
  </si>
  <si>
    <t>保 険 料 (税) 過 年 分</t>
    <rPh sb="10" eb="11">
      <t>ス</t>
    </rPh>
    <phoneticPr fontId="1"/>
  </si>
  <si>
    <t>現   年   分</t>
  </si>
  <si>
    <t>過   年   分</t>
  </si>
  <si>
    <t>療養給付費</t>
  </si>
  <si>
    <t>療 養 費</t>
  </si>
  <si>
    <t>小   計</t>
  </si>
  <si>
    <t>審査支払手数料</t>
    <rPh sb="0" eb="2">
      <t>シンサ</t>
    </rPh>
    <rPh sb="2" eb="4">
      <t>シハライ</t>
    </rPh>
    <phoneticPr fontId="1"/>
  </si>
  <si>
    <t>共同事業</t>
    <phoneticPr fontId="1"/>
  </si>
  <si>
    <t>共同安定化事業</t>
    <rPh sb="0" eb="2">
      <t>キョウドウ</t>
    </rPh>
    <rPh sb="2" eb="5">
      <t>アンテイカ</t>
    </rPh>
    <rPh sb="5" eb="7">
      <t>ジギョウ</t>
    </rPh>
    <phoneticPr fontId="1"/>
  </si>
  <si>
    <t>(組合債)</t>
    <phoneticPr fontId="1"/>
  </si>
  <si>
    <t>調定額</t>
  </si>
  <si>
    <t>収納額</t>
  </si>
  <si>
    <t>居所不明者分調定額</t>
    <rPh sb="0" eb="2">
      <t>キョショ</t>
    </rPh>
    <rPh sb="2" eb="5">
      <t>フメイシャ</t>
    </rPh>
    <rPh sb="5" eb="6">
      <t>ブン</t>
    </rPh>
    <rPh sb="6" eb="7">
      <t>チョウ</t>
    </rPh>
    <rPh sb="7" eb="9">
      <t>テイガク</t>
    </rPh>
    <phoneticPr fontId="1"/>
  </si>
  <si>
    <t>収納率</t>
  </si>
  <si>
    <t>療養費</t>
  </si>
  <si>
    <t>計</t>
  </si>
  <si>
    <t>－</t>
  </si>
  <si>
    <t>平成24年度</t>
    <phoneticPr fontId="6"/>
  </si>
  <si>
    <t>平成24年度</t>
    <phoneticPr fontId="6"/>
  </si>
  <si>
    <t>平成25年度</t>
    <rPh sb="0" eb="2">
      <t>ヘイセイ</t>
    </rPh>
    <rPh sb="4" eb="6">
      <t>ネンド</t>
    </rPh>
    <phoneticPr fontId="1"/>
  </si>
  <si>
    <t>平成26年度</t>
    <rPh sb="0" eb="2">
      <t>ヘイセイ</t>
    </rPh>
    <rPh sb="4" eb="6">
      <t>ネンド</t>
    </rPh>
    <phoneticPr fontId="1"/>
  </si>
  <si>
    <t>平成27年度</t>
    <phoneticPr fontId="1"/>
  </si>
  <si>
    <t>平成27年度</t>
    <phoneticPr fontId="1"/>
  </si>
  <si>
    <t>平成27年度</t>
    <phoneticPr fontId="1"/>
  </si>
  <si>
    <t>平成27年度</t>
    <phoneticPr fontId="1"/>
  </si>
  <si>
    <t>平成28年度</t>
    <phoneticPr fontId="6"/>
  </si>
  <si>
    <t>平成28年度</t>
    <phoneticPr fontId="6"/>
  </si>
  <si>
    <t>平成28年度</t>
    <phoneticPr fontId="6"/>
  </si>
  <si>
    <t xml:space="preserve"> 横浜市</t>
    <phoneticPr fontId="1"/>
  </si>
  <si>
    <t xml:space="preserve"> 横浜市</t>
    <phoneticPr fontId="1"/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>市町村計</t>
  </si>
  <si>
    <t xml:space="preserve"> 医　師</t>
    <phoneticPr fontId="1"/>
  </si>
  <si>
    <t xml:space="preserve"> 医　師</t>
    <phoneticPr fontId="1"/>
  </si>
  <si>
    <t xml:space="preserve"> 医　師</t>
    <phoneticPr fontId="1"/>
  </si>
  <si>
    <t xml:space="preserve"> 医　師</t>
    <phoneticPr fontId="1"/>
  </si>
  <si>
    <t xml:space="preserve"> 歯科医師</t>
    <phoneticPr fontId="1"/>
  </si>
  <si>
    <t xml:space="preserve"> 歯科医師</t>
    <phoneticPr fontId="1"/>
  </si>
  <si>
    <t xml:space="preserve"> 歯科医師</t>
    <phoneticPr fontId="1"/>
  </si>
  <si>
    <t xml:space="preserve"> 歯科医師</t>
    <phoneticPr fontId="1"/>
  </si>
  <si>
    <t xml:space="preserve"> 食品衛生</t>
    <phoneticPr fontId="1"/>
  </si>
  <si>
    <t xml:space="preserve"> 食品衛生</t>
    <phoneticPr fontId="1"/>
  </si>
  <si>
    <t xml:space="preserve"> 食品衛生</t>
    <phoneticPr fontId="1"/>
  </si>
  <si>
    <t xml:space="preserve"> 食品衛生</t>
    <phoneticPr fontId="1"/>
  </si>
  <si>
    <t xml:space="preserve"> 薬剤師</t>
    <phoneticPr fontId="1"/>
  </si>
  <si>
    <t xml:space="preserve"> 薬剤師</t>
    <phoneticPr fontId="1"/>
  </si>
  <si>
    <t xml:space="preserve"> 薬剤師</t>
    <phoneticPr fontId="1"/>
  </si>
  <si>
    <t xml:space="preserve"> 薬剤師</t>
    <phoneticPr fontId="1"/>
  </si>
  <si>
    <t xml:space="preserve"> 建設業</t>
    <phoneticPr fontId="1"/>
  </si>
  <si>
    <t xml:space="preserve"> 建設業</t>
    <phoneticPr fontId="1"/>
  </si>
  <si>
    <t xml:space="preserve"> 建設連合</t>
    <phoneticPr fontId="1"/>
  </si>
  <si>
    <t xml:space="preserve"> 建設連合</t>
    <phoneticPr fontId="1"/>
  </si>
  <si>
    <t xml:space="preserve"> 建設連合</t>
    <phoneticPr fontId="1"/>
  </si>
  <si>
    <t xml:space="preserve"> 建設連合</t>
    <phoneticPr fontId="1"/>
  </si>
  <si>
    <t>組  合  計</t>
    <phoneticPr fontId="1"/>
  </si>
  <si>
    <t>組  合  計</t>
    <phoneticPr fontId="1"/>
  </si>
  <si>
    <t>組  合  計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0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9"/>
      <name val="ＭＳ Ｐゴシック"/>
      <family val="3"/>
      <charset val="128"/>
    </font>
    <font>
      <u/>
      <sz val="9"/>
      <name val="ＭＳ Ｐゴシック"/>
      <family val="3"/>
      <charset val="128"/>
    </font>
    <font>
      <sz val="8.5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14"/>
      <name val="Terminal"/>
      <family val="3"/>
      <charset val="255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55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8"/>
      </right>
      <top style="double">
        <color indexed="8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8"/>
      </right>
      <top/>
      <bottom style="thin">
        <color indexed="64"/>
      </bottom>
      <diagonal/>
    </border>
    <border>
      <left style="thin">
        <color indexed="64"/>
      </left>
      <right style="thin">
        <color indexed="8"/>
      </right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</borders>
  <cellStyleXfs count="7">
    <xf numFmtId="0" fontId="0" fillId="0" borderId="0"/>
    <xf numFmtId="38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1" fillId="0" borderId="0"/>
    <xf numFmtId="38" fontId="1" fillId="0" borderId="0" applyFont="0" applyFill="0" applyBorder="0" applyAlignment="0" applyProtection="0"/>
    <xf numFmtId="37" fontId="8" fillId="0" borderId="0"/>
    <xf numFmtId="0" fontId="1" fillId="0" borderId="0"/>
  </cellStyleXfs>
  <cellXfs count="206">
    <xf numFmtId="0" fontId="0" fillId="0" borderId="0" xfId="0"/>
    <xf numFmtId="38" fontId="1" fillId="0" borderId="0" xfId="1" applyFont="1" applyBorder="1" applyAlignment="1" applyProtection="1">
      <alignment horizontal="left" vertical="center"/>
    </xf>
    <xf numFmtId="0" fontId="3" fillId="0" borderId="0" xfId="3" applyFont="1" applyBorder="1" applyAlignment="1">
      <alignment vertical="center"/>
    </xf>
    <xf numFmtId="0" fontId="3" fillId="0" borderId="0" xfId="3" applyFont="1" applyAlignment="1">
      <alignment vertical="center"/>
    </xf>
    <xf numFmtId="0" fontId="4" fillId="0" borderId="0" xfId="3" applyFont="1" applyBorder="1" applyAlignment="1" applyProtection="1">
      <alignment vertical="center"/>
    </xf>
    <xf numFmtId="0" fontId="1" fillId="0" borderId="0" xfId="3" applyFont="1" applyBorder="1" applyAlignment="1" applyProtection="1">
      <alignment horizontal="left" vertical="center"/>
    </xf>
    <xf numFmtId="38" fontId="3" fillId="0" borderId="0" xfId="3" applyNumberFormat="1" applyFont="1" applyBorder="1" applyAlignment="1" applyProtection="1">
      <alignment horizontal="right" vertical="center"/>
    </xf>
    <xf numFmtId="38" fontId="3" fillId="0" borderId="0" xfId="1" applyFont="1" applyAlignment="1">
      <alignment vertical="center"/>
    </xf>
    <xf numFmtId="0" fontId="3" fillId="0" borderId="0" xfId="3" applyFont="1" applyBorder="1" applyAlignment="1" applyProtection="1">
      <alignment horizontal="left" vertical="center"/>
    </xf>
    <xf numFmtId="38" fontId="3" fillId="0" borderId="0" xfId="1" applyFont="1" applyBorder="1" applyAlignment="1" applyProtection="1">
      <alignment horizontal="left" vertical="center"/>
    </xf>
    <xf numFmtId="0" fontId="3" fillId="0" borderId="0" xfId="3" applyFont="1" applyBorder="1" applyAlignment="1" applyProtection="1">
      <alignment horizontal="right" vertical="center"/>
    </xf>
    <xf numFmtId="0" fontId="3" fillId="0" borderId="0" xfId="3" applyFont="1" applyAlignment="1">
      <alignment horizontal="right" vertical="center"/>
    </xf>
    <xf numFmtId="0" fontId="3" fillId="0" borderId="0" xfId="0" applyFont="1"/>
    <xf numFmtId="38" fontId="3" fillId="0" borderId="0" xfId="1" applyFont="1" applyBorder="1" applyAlignment="1">
      <alignment vertical="center"/>
    </xf>
    <xf numFmtId="38" fontId="3" fillId="0" borderId="3" xfId="1" applyFont="1" applyBorder="1" applyAlignment="1">
      <alignment vertical="center"/>
    </xf>
    <xf numFmtId="0" fontId="3" fillId="0" borderId="6" xfId="3" applyFont="1" applyBorder="1" applyAlignment="1">
      <alignment horizontal="center" vertical="center"/>
    </xf>
    <xf numFmtId="0" fontId="3" fillId="0" borderId="7" xfId="3" applyFont="1" applyBorder="1" applyAlignment="1">
      <alignment horizontal="center" vertical="center"/>
    </xf>
    <xf numFmtId="0" fontId="3" fillId="0" borderId="9" xfId="3" applyFont="1" applyBorder="1" applyAlignment="1">
      <alignment vertical="center"/>
    </xf>
    <xf numFmtId="38" fontId="3" fillId="0" borderId="13" xfId="1" applyFont="1" applyBorder="1" applyAlignment="1" applyProtection="1">
      <alignment horizontal="center" vertical="center"/>
    </xf>
    <xf numFmtId="0" fontId="3" fillId="0" borderId="13" xfId="3" applyFont="1" applyBorder="1" applyAlignment="1" applyProtection="1">
      <alignment horizontal="center" vertical="center"/>
    </xf>
    <xf numFmtId="0" fontId="5" fillId="0" borderId="19" xfId="3" applyFont="1" applyBorder="1" applyAlignment="1" applyProtection="1">
      <alignment horizontal="center" vertical="center"/>
    </xf>
    <xf numFmtId="0" fontId="3" fillId="0" borderId="19" xfId="3" applyFont="1" applyBorder="1" applyAlignment="1" applyProtection="1">
      <alignment horizontal="center" vertical="center"/>
    </xf>
    <xf numFmtId="0" fontId="3" fillId="0" borderId="20" xfId="3" applyFont="1" applyBorder="1" applyAlignment="1" applyProtection="1">
      <alignment horizontal="center" vertical="center"/>
    </xf>
    <xf numFmtId="38" fontId="3" fillId="0" borderId="27" xfId="1" applyFont="1" applyBorder="1" applyAlignment="1">
      <alignment vertical="center"/>
    </xf>
    <xf numFmtId="0" fontId="3" fillId="0" borderId="28" xfId="3" applyFont="1" applyBorder="1" applyAlignment="1" applyProtection="1">
      <alignment horizontal="center" vertical="center"/>
    </xf>
    <xf numFmtId="0" fontId="5" fillId="0" borderId="27" xfId="3" applyFont="1" applyBorder="1" applyAlignment="1" applyProtection="1">
      <alignment horizontal="center" vertical="center"/>
    </xf>
    <xf numFmtId="0" fontId="3" fillId="0" borderId="27" xfId="3" applyFont="1" applyBorder="1" applyAlignment="1">
      <alignment vertical="center"/>
    </xf>
    <xf numFmtId="0" fontId="5" fillId="0" borderId="28" xfId="3" applyFont="1" applyBorder="1" applyAlignment="1">
      <alignment horizontal="center" vertical="center"/>
    </xf>
    <xf numFmtId="0" fontId="3" fillId="0" borderId="28" xfId="3" applyFont="1" applyBorder="1" applyAlignment="1">
      <alignment vertical="center"/>
    </xf>
    <xf numFmtId="0" fontId="3" fillId="0" borderId="29" xfId="3" applyFont="1" applyBorder="1" applyAlignment="1" applyProtection="1">
      <alignment horizontal="center" vertical="center"/>
    </xf>
    <xf numFmtId="10" fontId="3" fillId="0" borderId="30" xfId="3" applyNumberFormat="1" applyFont="1" applyBorder="1" applyAlignment="1" applyProtection="1">
      <alignment horizontal="center" vertical="center"/>
    </xf>
    <xf numFmtId="38" fontId="7" fillId="0" borderId="32" xfId="1" applyFont="1" applyBorder="1" applyAlignment="1" applyProtection="1"/>
    <xf numFmtId="38" fontId="7" fillId="0" borderId="13" xfId="1" applyFont="1" applyBorder="1" applyAlignment="1" applyProtection="1">
      <alignment horizontal="right"/>
    </xf>
    <xf numFmtId="38" fontId="7" fillId="0" borderId="21" xfId="1" applyFont="1" applyBorder="1" applyAlignment="1" applyProtection="1"/>
    <xf numFmtId="38" fontId="7" fillId="0" borderId="33" xfId="1" applyFont="1" applyBorder="1" applyAlignment="1" applyProtection="1"/>
    <xf numFmtId="38" fontId="7" fillId="0" borderId="32" xfId="1" applyFont="1" applyBorder="1" applyAlignment="1" applyProtection="1">
      <alignment horizontal="right"/>
    </xf>
    <xf numFmtId="38" fontId="7" fillId="0" borderId="21" xfId="1" applyFont="1" applyBorder="1" applyAlignment="1" applyProtection="1">
      <alignment horizontal="right"/>
    </xf>
    <xf numFmtId="10" fontId="7" fillId="0" borderId="32" xfId="2" applyNumberFormat="1" applyFont="1" applyBorder="1" applyAlignment="1"/>
    <xf numFmtId="38" fontId="7" fillId="0" borderId="32" xfId="1" applyFont="1" applyBorder="1" applyAlignment="1"/>
    <xf numFmtId="38" fontId="7" fillId="0" borderId="33" xfId="1" applyFont="1" applyBorder="1" applyAlignment="1"/>
    <xf numFmtId="38" fontId="7" fillId="0" borderId="33" xfId="1" applyFont="1" applyBorder="1" applyAlignment="1" applyProtection="1">
      <alignment horizontal="right"/>
    </xf>
    <xf numFmtId="38" fontId="7" fillId="0" borderId="23" xfId="1" applyFont="1" applyBorder="1" applyAlignment="1" applyProtection="1">
      <alignment horizontal="right"/>
    </xf>
    <xf numFmtId="38" fontId="7" fillId="0" borderId="13" xfId="1" applyFont="1" applyBorder="1" applyAlignment="1" applyProtection="1"/>
    <xf numFmtId="38" fontId="7" fillId="0" borderId="19" xfId="1" applyFont="1" applyBorder="1" applyAlignment="1" applyProtection="1"/>
    <xf numFmtId="38" fontId="7" fillId="0" borderId="20" xfId="1" applyFont="1" applyBorder="1" applyAlignment="1" applyProtection="1"/>
    <xf numFmtId="38" fontId="7" fillId="0" borderId="32" xfId="4" applyFont="1" applyBorder="1" applyAlignment="1" applyProtection="1"/>
    <xf numFmtId="38" fontId="7" fillId="0" borderId="21" xfId="4" applyFont="1" applyBorder="1" applyAlignment="1" applyProtection="1"/>
    <xf numFmtId="38" fontId="7" fillId="0" borderId="33" xfId="4" applyFont="1" applyBorder="1" applyAlignment="1" applyProtection="1"/>
    <xf numFmtId="38" fontId="7" fillId="0" borderId="32" xfId="4" applyFont="1" applyBorder="1" applyAlignment="1" applyProtection="1">
      <alignment horizontal="right" justifyLastLine="1"/>
    </xf>
    <xf numFmtId="38" fontId="7" fillId="0" borderId="23" xfId="4" applyFont="1" applyBorder="1" applyAlignment="1" applyProtection="1">
      <alignment horizontal="right" justifyLastLine="1"/>
    </xf>
    <xf numFmtId="38" fontId="7" fillId="0" borderId="32" xfId="4" applyFont="1" applyBorder="1" applyAlignment="1" applyProtection="1">
      <alignment horizontal="right"/>
    </xf>
    <xf numFmtId="38" fontId="7" fillId="0" borderId="27" xfId="4" applyFont="1" applyBorder="1" applyAlignment="1" applyProtection="1"/>
    <xf numFmtId="38" fontId="7" fillId="0" borderId="28" xfId="4" applyFont="1" applyBorder="1" applyAlignment="1" applyProtection="1"/>
    <xf numFmtId="38" fontId="7" fillId="0" borderId="29" xfId="4" applyFont="1" applyBorder="1" applyAlignment="1" applyProtection="1"/>
    <xf numFmtId="38" fontId="7" fillId="0" borderId="27" xfId="4" applyFont="1" applyBorder="1" applyAlignment="1" applyProtection="1">
      <alignment horizontal="right" justifyLastLine="1"/>
    </xf>
    <xf numFmtId="38" fontId="7" fillId="0" borderId="26" xfId="4" applyFont="1" applyBorder="1" applyAlignment="1" applyProtection="1">
      <alignment horizontal="right" justifyLastLine="1"/>
    </xf>
    <xf numFmtId="38" fontId="7" fillId="0" borderId="27" xfId="4" applyFont="1" applyBorder="1" applyAlignment="1" applyProtection="1">
      <alignment horizontal="right"/>
    </xf>
    <xf numFmtId="38" fontId="7" fillId="0" borderId="27" xfId="1" applyFont="1" applyBorder="1" applyAlignment="1" applyProtection="1"/>
    <xf numFmtId="38" fontId="7" fillId="0" borderId="27" xfId="1" applyFont="1" applyFill="1" applyBorder="1" applyAlignment="1" applyProtection="1"/>
    <xf numFmtId="10" fontId="7" fillId="0" borderId="27" xfId="2" applyNumberFormat="1" applyFont="1" applyBorder="1" applyAlignment="1"/>
    <xf numFmtId="38" fontId="7" fillId="0" borderId="27" xfId="1" applyFont="1" applyBorder="1" applyAlignment="1"/>
    <xf numFmtId="38" fontId="7" fillId="0" borderId="29" xfId="1" applyFont="1" applyBorder="1" applyAlignment="1"/>
    <xf numFmtId="38" fontId="7" fillId="0" borderId="28" xfId="1" applyFont="1" applyBorder="1" applyAlignment="1" applyProtection="1"/>
    <xf numFmtId="38" fontId="7" fillId="0" borderId="29" xfId="1" applyFont="1" applyBorder="1" applyAlignment="1" applyProtection="1"/>
    <xf numFmtId="38" fontId="7" fillId="0" borderId="27" xfId="1" applyFont="1" applyBorder="1" applyAlignment="1" applyProtection="1">
      <alignment horizontal="right" justifyLastLine="1"/>
    </xf>
    <xf numFmtId="38" fontId="7" fillId="0" borderId="26" xfId="1" applyFont="1" applyBorder="1" applyAlignment="1" applyProtection="1">
      <alignment horizontal="right" justifyLastLine="1"/>
    </xf>
    <xf numFmtId="38" fontId="7" fillId="0" borderId="27" xfId="1" applyFont="1" applyBorder="1" applyAlignment="1" applyProtection="1">
      <alignment horizontal="right"/>
    </xf>
    <xf numFmtId="38" fontId="7" fillId="0" borderId="27" xfId="1" applyFont="1" applyBorder="1" applyAlignment="1">
      <alignment horizontal="right"/>
    </xf>
    <xf numFmtId="0" fontId="3" fillId="0" borderId="11" xfId="0" applyFont="1" applyBorder="1" applyAlignment="1" applyProtection="1"/>
    <xf numFmtId="37" fontId="9" fillId="0" borderId="37" xfId="5" applyFont="1" applyFill="1" applyBorder="1" applyAlignment="1" applyProtection="1">
      <alignment horizontal="left"/>
    </xf>
    <xf numFmtId="38" fontId="7" fillId="0" borderId="34" xfId="1" quotePrefix="1" applyFont="1" applyBorder="1" applyAlignment="1" applyProtection="1"/>
    <xf numFmtId="38" fontId="7" fillId="0" borderId="34" xfId="1" quotePrefix="1" applyFont="1" applyFill="1" applyBorder="1" applyAlignment="1" applyProtection="1"/>
    <xf numFmtId="38" fontId="7" fillId="0" borderId="34" xfId="1" applyFont="1" applyFill="1" applyBorder="1" applyAlignment="1" applyProtection="1"/>
    <xf numFmtId="38" fontId="7" fillId="0" borderId="14" xfId="1" quotePrefix="1" applyFont="1" applyBorder="1" applyAlignment="1" applyProtection="1"/>
    <xf numFmtId="38" fontId="7" fillId="0" borderId="38" xfId="1" quotePrefix="1" applyFont="1" applyBorder="1" applyAlignment="1" applyProtection="1"/>
    <xf numFmtId="38" fontId="7" fillId="0" borderId="14" xfId="1" applyFont="1" applyBorder="1" applyAlignment="1" applyProtection="1"/>
    <xf numFmtId="38" fontId="7" fillId="0" borderId="34" xfId="1" applyFont="1" applyFill="1" applyBorder="1" applyAlignment="1" applyProtection="1">
      <alignment horizontal="right"/>
    </xf>
    <xf numFmtId="38" fontId="7" fillId="0" borderId="34" xfId="1" applyFont="1" applyBorder="1" applyAlignment="1" applyProtection="1"/>
    <xf numFmtId="0" fontId="3" fillId="0" borderId="40" xfId="0" applyFont="1" applyBorder="1" applyAlignment="1" applyProtection="1"/>
    <xf numFmtId="10" fontId="7" fillId="0" borderId="34" xfId="2" applyNumberFormat="1" applyFont="1" applyBorder="1" applyAlignment="1" applyProtection="1">
      <protection locked="0"/>
    </xf>
    <xf numFmtId="10" fontId="7" fillId="0" borderId="39" xfId="2" applyNumberFormat="1" applyFont="1" applyBorder="1" applyAlignment="1"/>
    <xf numFmtId="38" fontId="7" fillId="0" borderId="38" xfId="1" applyFont="1" applyBorder="1" applyAlignment="1" applyProtection="1"/>
    <xf numFmtId="37" fontId="9" fillId="0" borderId="41" xfId="5" applyFont="1" applyFill="1" applyBorder="1" applyAlignment="1" applyProtection="1">
      <alignment horizontal="left"/>
    </xf>
    <xf numFmtId="38" fontId="7" fillId="0" borderId="21" xfId="1" quotePrefix="1" applyFont="1" applyBorder="1" applyAlignment="1" applyProtection="1"/>
    <xf numFmtId="0" fontId="3" fillId="0" borderId="25" xfId="0" applyFont="1" applyBorder="1" applyAlignment="1" applyProtection="1"/>
    <xf numFmtId="37" fontId="9" fillId="0" borderId="42" xfId="5" applyFont="1" applyFill="1" applyBorder="1" applyAlignment="1" applyProtection="1">
      <alignment horizontal="left"/>
    </xf>
    <xf numFmtId="38" fontId="7" fillId="0" borderId="27" xfId="1" quotePrefix="1" applyFont="1" applyBorder="1" applyAlignment="1" applyProtection="1"/>
    <xf numFmtId="38" fontId="7" fillId="0" borderId="27" xfId="1" quotePrefix="1" applyFont="1" applyFill="1" applyBorder="1" applyAlignment="1" applyProtection="1"/>
    <xf numFmtId="38" fontId="7" fillId="0" borderId="28" xfId="1" quotePrefix="1" applyFont="1" applyBorder="1" applyAlignment="1" applyProtection="1"/>
    <xf numFmtId="38" fontId="7" fillId="0" borderId="29" xfId="1" quotePrefix="1" applyFont="1" applyBorder="1" applyAlignment="1" applyProtection="1"/>
    <xf numFmtId="38" fontId="7" fillId="0" borderId="27" xfId="1" applyFont="1" applyFill="1" applyBorder="1" applyAlignment="1" applyProtection="1">
      <alignment horizontal="right"/>
    </xf>
    <xf numFmtId="10" fontId="7" fillId="0" borderId="27" xfId="2" applyNumberFormat="1" applyFont="1" applyBorder="1" applyAlignment="1" applyProtection="1">
      <protection locked="0"/>
    </xf>
    <xf numFmtId="10" fontId="7" fillId="0" borderId="30" xfId="2" applyNumberFormat="1" applyFont="1" applyBorder="1" applyAlignment="1"/>
    <xf numFmtId="10" fontId="7" fillId="0" borderId="34" xfId="2" applyNumberFormat="1" applyFont="1" applyBorder="1" applyAlignment="1"/>
    <xf numFmtId="38" fontId="7" fillId="0" borderId="34" xfId="1" quotePrefix="1" applyFont="1" applyBorder="1" applyAlignment="1" applyProtection="1">
      <alignment horizontal="right"/>
    </xf>
    <xf numFmtId="38" fontId="7" fillId="0" borderId="34" xfId="1" applyFont="1" applyBorder="1" applyAlignment="1" applyProtection="1">
      <alignment horizontal="right"/>
    </xf>
    <xf numFmtId="38" fontId="7" fillId="0" borderId="45" xfId="1" quotePrefix="1" applyFont="1" applyBorder="1" applyAlignment="1" applyProtection="1"/>
    <xf numFmtId="38" fontId="7" fillId="0" borderId="45" xfId="1" quotePrefix="1" applyFont="1" applyFill="1" applyBorder="1" applyAlignment="1" applyProtection="1"/>
    <xf numFmtId="38" fontId="7" fillId="0" borderId="45" xfId="1" applyFont="1" applyFill="1" applyBorder="1" applyAlignment="1" applyProtection="1"/>
    <xf numFmtId="38" fontId="7" fillId="0" borderId="46" xfId="1" quotePrefix="1" applyFont="1" applyBorder="1" applyAlignment="1" applyProtection="1"/>
    <xf numFmtId="38" fontId="7" fillId="0" borderId="47" xfId="1" quotePrefix="1" applyFont="1" applyBorder="1" applyAlignment="1" applyProtection="1"/>
    <xf numFmtId="38" fontId="7" fillId="0" borderId="46" xfId="1" applyFont="1" applyFill="1" applyBorder="1" applyAlignment="1" applyProtection="1"/>
    <xf numFmtId="38" fontId="7" fillId="0" borderId="45" xfId="1" applyFont="1" applyBorder="1" applyAlignment="1">
      <alignment horizontal="right" justifyLastLine="1"/>
    </xf>
    <xf numFmtId="10" fontId="7" fillId="0" borderId="45" xfId="2" applyNumberFormat="1" applyFont="1" applyBorder="1" applyAlignment="1" applyProtection="1">
      <protection locked="0"/>
    </xf>
    <xf numFmtId="10" fontId="7" fillId="0" borderId="45" xfId="2" applyNumberFormat="1" applyFont="1" applyBorder="1" applyAlignment="1"/>
    <xf numFmtId="38" fontId="7" fillId="0" borderId="45" xfId="1" quotePrefix="1" applyFont="1" applyBorder="1" applyAlignment="1" applyProtection="1">
      <alignment horizontal="right"/>
    </xf>
    <xf numFmtId="38" fontId="7" fillId="0" borderId="45" xfId="1" applyFont="1" applyBorder="1" applyAlignment="1" applyProtection="1">
      <alignment horizontal="right"/>
    </xf>
    <xf numFmtId="38" fontId="7" fillId="0" borderId="47" xfId="1" applyFont="1" applyBorder="1" applyAlignment="1" applyProtection="1"/>
    <xf numFmtId="38" fontId="3" fillId="0" borderId="39" xfId="1" applyFont="1" applyBorder="1" applyAlignment="1" applyProtection="1">
      <alignment horizontal="left"/>
    </xf>
    <xf numFmtId="38" fontId="3" fillId="0" borderId="34" xfId="1" applyFont="1" applyBorder="1" applyAlignment="1" applyProtection="1">
      <alignment horizontal="left"/>
    </xf>
    <xf numFmtId="38" fontId="3" fillId="0" borderId="34" xfId="1" applyFont="1" applyBorder="1" applyAlignment="1" applyProtection="1">
      <alignment horizontal="center"/>
      <protection locked="0"/>
    </xf>
    <xf numFmtId="38" fontId="3" fillId="0" borderId="27" xfId="1" applyFont="1" applyBorder="1" applyAlignment="1" applyProtection="1">
      <alignment horizontal="left"/>
    </xf>
    <xf numFmtId="38" fontId="7" fillId="0" borderId="13" xfId="1" quotePrefix="1" applyFont="1" applyBorder="1" applyAlignment="1" applyProtection="1"/>
    <xf numFmtId="38" fontId="7" fillId="0" borderId="19" xfId="1" quotePrefix="1" applyFont="1" applyBorder="1" applyAlignment="1" applyProtection="1"/>
    <xf numFmtId="38" fontId="7" fillId="0" borderId="20" xfId="1" quotePrefix="1" applyFont="1" applyBorder="1" applyAlignment="1" applyProtection="1"/>
    <xf numFmtId="38" fontId="7" fillId="0" borderId="13" xfId="1" quotePrefix="1" applyFont="1" applyFill="1" applyBorder="1" applyAlignment="1" applyProtection="1"/>
    <xf numFmtId="10" fontId="7" fillId="0" borderId="13" xfId="2" applyNumberFormat="1" applyFont="1" applyBorder="1" applyAlignment="1" applyProtection="1">
      <protection locked="0"/>
    </xf>
    <xf numFmtId="38" fontId="7" fillId="0" borderId="50" xfId="1" quotePrefix="1" applyFont="1" applyBorder="1" applyAlignment="1" applyProtection="1"/>
    <xf numFmtId="38" fontId="7" fillId="0" borderId="50" xfId="1" applyFont="1" applyBorder="1" applyAlignment="1" applyProtection="1"/>
    <xf numFmtId="38" fontId="7" fillId="0" borderId="51" xfId="1" quotePrefix="1" applyFont="1" applyBorder="1" applyAlignment="1" applyProtection="1"/>
    <xf numFmtId="38" fontId="7" fillId="0" borderId="52" xfId="1" quotePrefix="1" applyFont="1" applyBorder="1" applyAlignment="1" applyProtection="1"/>
    <xf numFmtId="38" fontId="7" fillId="0" borderId="51" xfId="1" applyFont="1" applyBorder="1" applyAlignment="1" applyProtection="1"/>
    <xf numFmtId="38" fontId="7" fillId="0" borderId="50" xfId="1" applyFont="1" applyBorder="1" applyAlignment="1">
      <alignment horizontal="right" justifyLastLine="1"/>
    </xf>
    <xf numFmtId="38" fontId="7" fillId="0" borderId="50" xfId="1" quotePrefix="1" applyFont="1" applyFill="1" applyBorder="1" applyAlignment="1" applyProtection="1"/>
    <xf numFmtId="10" fontId="7" fillId="0" borderId="50" xfId="2" applyNumberFormat="1" applyFont="1" applyBorder="1" applyAlignment="1" applyProtection="1">
      <protection locked="0"/>
    </xf>
    <xf numFmtId="10" fontId="7" fillId="0" borderId="50" xfId="2" applyNumberFormat="1" applyFont="1" applyBorder="1" applyAlignment="1"/>
    <xf numFmtId="38" fontId="7" fillId="0" borderId="52" xfId="1" applyFont="1" applyBorder="1" applyAlignment="1" applyProtection="1"/>
    <xf numFmtId="0" fontId="3" fillId="0" borderId="0" xfId="3" applyFont="1"/>
    <xf numFmtId="38" fontId="3" fillId="0" borderId="0" xfId="1" applyFont="1"/>
    <xf numFmtId="0" fontId="3" fillId="0" borderId="4" xfId="3" applyFont="1" applyBorder="1" applyAlignment="1" applyProtection="1">
      <alignment horizontal="center" vertical="center"/>
    </xf>
    <xf numFmtId="0" fontId="3" fillId="0" borderId="5" xfId="3" applyFont="1" applyBorder="1" applyAlignment="1">
      <alignment horizontal="center" vertical="center"/>
    </xf>
    <xf numFmtId="2" fontId="3" fillId="0" borderId="5" xfId="3" applyNumberFormat="1" applyFont="1" applyBorder="1" applyAlignment="1" applyProtection="1">
      <alignment horizontal="center" vertical="center"/>
    </xf>
    <xf numFmtId="0" fontId="3" fillId="0" borderId="5" xfId="3" applyFont="1" applyBorder="1" applyAlignment="1" applyProtection="1">
      <alignment horizontal="center" vertical="center"/>
    </xf>
    <xf numFmtId="0" fontId="3" fillId="0" borderId="3" xfId="3" applyFont="1" applyBorder="1" applyAlignment="1">
      <alignment horizontal="center" vertical="center"/>
    </xf>
    <xf numFmtId="0" fontId="3" fillId="0" borderId="8" xfId="3" applyFont="1" applyBorder="1" applyAlignment="1">
      <alignment horizontal="center" vertical="center"/>
    </xf>
    <xf numFmtId="0" fontId="3" fillId="0" borderId="4" xfId="3" applyFont="1" applyBorder="1" applyAlignment="1" applyProtection="1">
      <alignment horizontal="center" vertical="center" wrapText="1"/>
    </xf>
    <xf numFmtId="0" fontId="3" fillId="0" borderId="8" xfId="3" applyFont="1" applyBorder="1" applyAlignment="1" applyProtection="1">
      <alignment horizontal="center" vertical="center"/>
    </xf>
    <xf numFmtId="0" fontId="3" fillId="0" borderId="10" xfId="3" applyFont="1" applyBorder="1" applyAlignment="1">
      <alignment horizontal="center" vertical="center"/>
    </xf>
    <xf numFmtId="0" fontId="3" fillId="0" borderId="14" xfId="3" applyFont="1" applyBorder="1" applyAlignment="1" applyProtection="1">
      <alignment horizontal="center" vertical="center"/>
    </xf>
    <xf numFmtId="0" fontId="3" fillId="0" borderId="15" xfId="3" applyFont="1" applyBorder="1" applyAlignment="1">
      <alignment horizontal="center" vertical="center"/>
    </xf>
    <xf numFmtId="2" fontId="3" fillId="0" borderId="15" xfId="3" applyNumberFormat="1" applyFont="1" applyBorder="1" applyAlignment="1" applyProtection="1">
      <alignment horizontal="center" vertical="center"/>
    </xf>
    <xf numFmtId="0" fontId="3" fillId="0" borderId="16" xfId="3" applyFont="1" applyBorder="1" applyAlignment="1" applyProtection="1">
      <alignment horizontal="center" vertical="center"/>
    </xf>
    <xf numFmtId="0" fontId="3" fillId="0" borderId="21" xfId="3" applyFont="1" applyBorder="1" applyAlignment="1" applyProtection="1">
      <alignment horizontal="center" vertical="center"/>
    </xf>
    <xf numFmtId="2" fontId="3" fillId="0" borderId="22" xfId="3" applyNumberFormat="1" applyFont="1" applyBorder="1" applyAlignment="1" applyProtection="1">
      <alignment horizontal="center" vertical="center"/>
    </xf>
    <xf numFmtId="0" fontId="3" fillId="0" borderId="23" xfId="3" applyFont="1" applyBorder="1" applyAlignment="1">
      <alignment horizontal="center" vertical="center"/>
    </xf>
    <xf numFmtId="0" fontId="3" fillId="0" borderId="22" xfId="3" applyFont="1" applyBorder="1" applyAlignment="1">
      <alignment horizontal="center" vertical="center"/>
    </xf>
    <xf numFmtId="0" fontId="3" fillId="0" borderId="24" xfId="3" applyFont="1" applyBorder="1" applyAlignment="1">
      <alignment horizontal="center" vertical="center"/>
    </xf>
    <xf numFmtId="0" fontId="3" fillId="0" borderId="48" xfId="6" applyFont="1" applyBorder="1" applyAlignment="1">
      <alignment horizontal="distributed" justifyLastLine="1"/>
    </xf>
    <xf numFmtId="0" fontId="3" fillId="0" borderId="49" xfId="6" applyFont="1" applyBorder="1" applyAlignment="1">
      <alignment horizontal="distributed" justifyLastLine="1"/>
    </xf>
    <xf numFmtId="0" fontId="3" fillId="0" borderId="53" xfId="3" applyFont="1" applyBorder="1" applyAlignment="1" applyProtection="1">
      <alignment horizontal="distributed" justifyLastLine="1"/>
    </xf>
    <xf numFmtId="0" fontId="3" fillId="0" borderId="54" xfId="3" applyFont="1" applyBorder="1" applyAlignment="1" applyProtection="1">
      <alignment horizontal="distributed" justifyLastLine="1"/>
    </xf>
    <xf numFmtId="0" fontId="3" fillId="0" borderId="43" xfId="6" applyFont="1" applyBorder="1" applyAlignment="1">
      <alignment horizontal="distributed" justifyLastLine="1"/>
    </xf>
    <xf numFmtId="0" fontId="3" fillId="0" borderId="44" xfId="6" applyFont="1" applyBorder="1" applyAlignment="1">
      <alignment horizontal="distributed" justifyLastLine="1"/>
    </xf>
    <xf numFmtId="0" fontId="3" fillId="0" borderId="31" xfId="3" applyFont="1" applyBorder="1" applyAlignment="1" applyProtection="1">
      <alignment horizontal="distributed" justifyLastLine="1"/>
    </xf>
    <xf numFmtId="0" fontId="3" fillId="0" borderId="23" xfId="3" applyFont="1" applyBorder="1" applyAlignment="1" applyProtection="1">
      <alignment horizontal="distributed" justifyLastLine="1"/>
    </xf>
    <xf numFmtId="0" fontId="3" fillId="0" borderId="35" xfId="3" applyFont="1" applyBorder="1" applyAlignment="1" applyProtection="1">
      <alignment horizontal="distributed" justifyLastLine="1"/>
    </xf>
    <xf numFmtId="0" fontId="3" fillId="0" borderId="36" xfId="3" applyFont="1" applyBorder="1" applyAlignment="1" applyProtection="1">
      <alignment horizontal="distributed" justifyLastLine="1"/>
    </xf>
    <xf numFmtId="0" fontId="3" fillId="0" borderId="17" xfId="3" applyFont="1" applyBorder="1" applyAlignment="1" applyProtection="1">
      <alignment horizontal="center" vertical="center" wrapText="1"/>
    </xf>
    <xf numFmtId="0" fontId="3" fillId="0" borderId="27" xfId="3" applyFont="1" applyBorder="1" applyAlignment="1" applyProtection="1">
      <alignment horizontal="center" vertical="center" wrapText="1"/>
    </xf>
    <xf numFmtId="38" fontId="3" fillId="0" borderId="17" xfId="1" applyFont="1" applyBorder="1" applyAlignment="1" applyProtection="1">
      <alignment horizontal="center" vertical="center" wrapText="1"/>
    </xf>
    <xf numFmtId="38" fontId="3" fillId="0" borderId="27" xfId="1" applyFont="1" applyBorder="1" applyAlignment="1" applyProtection="1">
      <alignment horizontal="center" vertical="center" wrapText="1"/>
    </xf>
    <xf numFmtId="38" fontId="3" fillId="0" borderId="17" xfId="1" applyFont="1" applyBorder="1" applyAlignment="1" applyProtection="1">
      <alignment horizontal="center" vertical="center" justifyLastLine="1"/>
    </xf>
    <xf numFmtId="38" fontId="3" fillId="0" borderId="27" xfId="1" applyFont="1" applyBorder="1" applyAlignment="1" applyProtection="1">
      <alignment horizontal="center" vertical="center" justifyLastLine="1"/>
    </xf>
    <xf numFmtId="0" fontId="3" fillId="0" borderId="17" xfId="3" applyFont="1" applyBorder="1" applyAlignment="1" applyProtection="1">
      <alignment horizontal="center" vertical="center"/>
    </xf>
    <xf numFmtId="0" fontId="3" fillId="0" borderId="27" xfId="3" applyFont="1" applyBorder="1" applyAlignment="1" applyProtection="1">
      <alignment horizontal="center" vertical="center"/>
    </xf>
    <xf numFmtId="0" fontId="3" fillId="0" borderId="3" xfId="3" applyFont="1" applyBorder="1" applyAlignment="1" applyProtection="1">
      <alignment horizontal="center" vertical="center" wrapText="1"/>
    </xf>
    <xf numFmtId="0" fontId="3" fillId="0" borderId="13" xfId="3" applyFont="1" applyBorder="1" applyAlignment="1" applyProtection="1">
      <alignment horizontal="center" vertical="center" wrapText="1"/>
    </xf>
    <xf numFmtId="0" fontId="3" fillId="0" borderId="3" xfId="3" applyFont="1" applyBorder="1" applyAlignment="1" applyProtection="1">
      <alignment horizontal="center" vertical="center"/>
    </xf>
    <xf numFmtId="0" fontId="3" fillId="0" borderId="13" xfId="3" applyFont="1" applyBorder="1" applyAlignment="1" applyProtection="1">
      <alignment horizontal="center" vertical="center"/>
    </xf>
    <xf numFmtId="0" fontId="3" fillId="0" borderId="1" xfId="3" applyFont="1" applyBorder="1" applyAlignment="1" applyProtection="1">
      <alignment horizontal="distributed" vertical="center" justifyLastLine="1"/>
    </xf>
    <xf numFmtId="0" fontId="3" fillId="0" borderId="2" xfId="3" applyFont="1" applyBorder="1" applyAlignment="1" applyProtection="1">
      <alignment horizontal="distributed" vertical="center" justifyLastLine="1"/>
    </xf>
    <xf numFmtId="0" fontId="3" fillId="0" borderId="11" xfId="3" applyFont="1" applyBorder="1" applyAlignment="1" applyProtection="1">
      <alignment horizontal="distributed" vertical="center" justifyLastLine="1"/>
    </xf>
    <xf numFmtId="0" fontId="3" fillId="0" borderId="12" xfId="3" applyFont="1" applyBorder="1" applyAlignment="1" applyProtection="1">
      <alignment horizontal="distributed" vertical="center" justifyLastLine="1"/>
    </xf>
    <xf numFmtId="0" fontId="3" fillId="0" borderId="25" xfId="3" applyFont="1" applyBorder="1" applyAlignment="1" applyProtection="1">
      <alignment horizontal="distributed" vertical="center" justifyLastLine="1"/>
    </xf>
    <xf numFmtId="0" fontId="3" fillId="0" borderId="26" xfId="3" applyFont="1" applyBorder="1" applyAlignment="1" applyProtection="1">
      <alignment horizontal="distributed" vertical="center" justifyLastLine="1"/>
    </xf>
    <xf numFmtId="0" fontId="5" fillId="0" borderId="17" xfId="3" applyFont="1" applyBorder="1" applyAlignment="1" applyProtection="1">
      <alignment horizontal="center" vertical="center" wrapText="1"/>
    </xf>
    <xf numFmtId="0" fontId="5" fillId="0" borderId="27" xfId="3" applyFont="1" applyBorder="1" applyAlignment="1" applyProtection="1">
      <alignment horizontal="center" vertical="center" wrapText="1"/>
    </xf>
    <xf numFmtId="0" fontId="3" fillId="0" borderId="4" xfId="3" applyFont="1" applyBorder="1" applyAlignment="1">
      <alignment horizontal="center" vertical="center"/>
    </xf>
    <xf numFmtId="0" fontId="3" fillId="0" borderId="8" xfId="3" applyFont="1" applyBorder="1" applyAlignment="1">
      <alignment horizontal="center" vertical="center"/>
    </xf>
    <xf numFmtId="38" fontId="3" fillId="0" borderId="3" xfId="1" applyFont="1" applyBorder="1" applyAlignment="1" applyProtection="1">
      <alignment horizontal="center" vertical="center" justifyLastLine="1"/>
    </xf>
    <xf numFmtId="38" fontId="3" fillId="0" borderId="13" xfId="1" applyFont="1" applyBorder="1" applyAlignment="1" applyProtection="1">
      <alignment horizontal="center" vertical="center" justifyLastLine="1"/>
    </xf>
    <xf numFmtId="0" fontId="3" fillId="0" borderId="18" xfId="3" applyFont="1" applyBorder="1" applyAlignment="1" applyProtection="1">
      <alignment horizontal="center" vertical="center"/>
    </xf>
    <xf numFmtId="0" fontId="3" fillId="0" borderId="29" xfId="3" applyFont="1" applyBorder="1" applyAlignment="1" applyProtection="1">
      <alignment horizontal="center" vertical="center"/>
    </xf>
    <xf numFmtId="38" fontId="3" fillId="0" borderId="4" xfId="1" applyFont="1" applyBorder="1" applyAlignment="1" applyProtection="1">
      <alignment horizontal="center" vertical="center" justifyLastLine="1"/>
    </xf>
    <xf numFmtId="38" fontId="3" fillId="0" borderId="7" xfId="1" applyFont="1" applyBorder="1" applyAlignment="1" applyProtection="1">
      <alignment horizontal="center" vertical="center" justifyLastLine="1"/>
    </xf>
    <xf numFmtId="0" fontId="3" fillId="0" borderId="4" xfId="3" applyFont="1" applyBorder="1" applyAlignment="1" applyProtection="1">
      <alignment horizontal="distributed" vertical="center" justifyLastLine="1"/>
    </xf>
    <xf numFmtId="0" fontId="3" fillId="0" borderId="7" xfId="3" applyFont="1" applyBorder="1" applyAlignment="1" applyProtection="1">
      <alignment horizontal="distributed" vertical="center" justifyLastLine="1"/>
    </xf>
    <xf numFmtId="0" fontId="3" fillId="0" borderId="5" xfId="3" applyFont="1" applyBorder="1" applyAlignment="1">
      <alignment horizontal="center" vertical="center"/>
    </xf>
    <xf numFmtId="0" fontId="3" fillId="0" borderId="7" xfId="3" applyFont="1" applyBorder="1" applyAlignment="1">
      <alignment horizontal="center" vertical="center"/>
    </xf>
    <xf numFmtId="3" fontId="7" fillId="0" borderId="23" xfId="1" applyNumberFormat="1" applyFont="1" applyBorder="1" applyAlignment="1" applyProtection="1"/>
    <xf numFmtId="3" fontId="7" fillId="0" borderId="23" xfId="4" applyNumberFormat="1" applyFont="1" applyBorder="1" applyAlignment="1" applyProtection="1"/>
    <xf numFmtId="3" fontId="7" fillId="0" borderId="26" xfId="4" applyNumberFormat="1" applyFont="1" applyBorder="1" applyAlignment="1" applyProtection="1"/>
    <xf numFmtId="3" fontId="7" fillId="0" borderId="26" xfId="1" applyNumberFormat="1" applyFont="1" applyBorder="1" applyAlignment="1" applyProtection="1"/>
    <xf numFmtId="3" fontId="7" fillId="0" borderId="16" xfId="1" quotePrefix="1" applyNumberFormat="1" applyFont="1" applyBorder="1" applyAlignment="1" applyProtection="1"/>
    <xf numFmtId="3" fontId="7" fillId="0" borderId="26" xfId="1" quotePrefix="1" applyNumberFormat="1" applyFont="1" applyBorder="1" applyAlignment="1" applyProtection="1"/>
    <xf numFmtId="3" fontId="7" fillId="0" borderId="44" xfId="1" quotePrefix="1" applyNumberFormat="1" applyFont="1" applyFill="1" applyBorder="1" applyAlignment="1" applyProtection="1"/>
    <xf numFmtId="3" fontId="7" fillId="0" borderId="12" xfId="1" quotePrefix="1" applyNumberFormat="1" applyFont="1" applyBorder="1" applyAlignment="1" applyProtection="1"/>
    <xf numFmtId="3" fontId="7" fillId="0" borderId="49" xfId="1" quotePrefix="1" applyNumberFormat="1" applyFont="1" applyBorder="1" applyAlignment="1" applyProtection="1"/>
    <xf numFmtId="3" fontId="7" fillId="0" borderId="32" xfId="1" applyNumberFormat="1" applyFont="1" applyBorder="1" applyAlignment="1" applyProtection="1">
      <alignment horizontal="right"/>
    </xf>
    <xf numFmtId="3" fontId="7" fillId="0" borderId="32" xfId="4" applyNumberFormat="1" applyFont="1" applyBorder="1" applyAlignment="1" applyProtection="1"/>
    <xf numFmtId="3" fontId="7" fillId="0" borderId="27" xfId="4" applyNumberFormat="1" applyFont="1" applyBorder="1" applyAlignment="1" applyProtection="1"/>
    <xf numFmtId="3" fontId="7" fillId="0" borderId="27" xfId="1" applyNumberFormat="1" applyFont="1" applyBorder="1" applyAlignment="1" applyProtection="1"/>
    <xf numFmtId="3" fontId="7" fillId="0" borderId="34" xfId="1" applyNumberFormat="1" applyFont="1" applyBorder="1" applyAlignment="1" applyProtection="1"/>
    <xf numFmtId="3" fontId="7" fillId="0" borderId="45" xfId="1" applyNumberFormat="1" applyFont="1" applyFill="1" applyBorder="1" applyAlignment="1" applyProtection="1"/>
    <xf numFmtId="3" fontId="7" fillId="0" borderId="13" xfId="1" applyNumberFormat="1" applyFont="1" applyBorder="1" applyAlignment="1" applyProtection="1"/>
    <xf numFmtId="3" fontId="7" fillId="0" borderId="50" xfId="1" applyNumberFormat="1" applyFont="1" applyBorder="1" applyAlignment="1" applyProtection="1"/>
  </cellXfs>
  <cellStyles count="7">
    <cellStyle name="パーセント" xfId="2" builtinId="5"/>
    <cellStyle name="桁区切り" xfId="1" builtinId="6"/>
    <cellStyle name="桁区切り 2" xfId="4"/>
    <cellStyle name="標準" xfId="0" builtinId="0"/>
    <cellStyle name="標準_事04統13" xfId="5"/>
    <cellStyle name="標準_第１表_1" xfId="6"/>
    <cellStyle name="標準_第７表 (2)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E151"/>
  <sheetViews>
    <sheetView tabSelected="1" view="pageBreakPreview" zoomScaleNormal="100" zoomScaleSheetLayoutView="100" workbookViewId="0">
      <selection activeCell="AM51" sqref="AM51"/>
    </sheetView>
  </sheetViews>
  <sheetFormatPr defaultRowHeight="11.25" x14ac:dyDescent="0.15"/>
  <cols>
    <col min="1" max="1" width="3.625" style="127" customWidth="1"/>
    <col min="2" max="2" width="10" style="127" customWidth="1"/>
    <col min="3" max="3" width="12.5" style="128" bestFit="1" customWidth="1"/>
    <col min="4" max="4" width="17.5" style="127" customWidth="1"/>
    <col min="5" max="5" width="11.5" style="127" bestFit="1" customWidth="1"/>
    <col min="6" max="6" width="16.25" style="127" customWidth="1"/>
    <col min="7" max="7" width="15" style="127" customWidth="1"/>
    <col min="8" max="8" width="12.5" style="127" bestFit="1" customWidth="1"/>
    <col min="9" max="9" width="9.75" style="127" customWidth="1"/>
    <col min="10" max="10" width="9.125" style="127" customWidth="1"/>
    <col min="11" max="11" width="11.5" style="127" bestFit="1" customWidth="1"/>
    <col min="12" max="12" width="10.125" style="127" bestFit="1" customWidth="1"/>
    <col min="13" max="13" width="11.5" style="127" bestFit="1" customWidth="1"/>
    <col min="14" max="14" width="3.625" style="127" customWidth="1"/>
    <col min="15" max="15" width="10" style="127" customWidth="1"/>
    <col min="16" max="16" width="13.5" style="127" bestFit="1" customWidth="1"/>
    <col min="17" max="17" width="13.125" style="128" customWidth="1"/>
    <col min="18" max="18" width="10.625" style="128" customWidth="1"/>
    <col min="19" max="19" width="13.125" style="128" customWidth="1"/>
    <col min="20" max="20" width="10.625" style="128" customWidth="1"/>
    <col min="21" max="21" width="10.5" style="127" bestFit="1" customWidth="1"/>
    <col min="22" max="22" width="11.875" style="127" customWidth="1"/>
    <col min="23" max="25" width="13.75" style="127" customWidth="1"/>
    <col min="26" max="26" width="8.375" style="127" bestFit="1" customWidth="1"/>
    <col min="27" max="27" width="13.75" style="127" customWidth="1"/>
    <col min="28" max="28" width="12.5" style="127" customWidth="1"/>
    <col min="29" max="29" width="3.625" style="127" customWidth="1"/>
    <col min="30" max="31" width="10" style="127" customWidth="1"/>
    <col min="32" max="32" width="13.875" style="127" customWidth="1"/>
    <col min="33" max="33" width="16.25" style="128" customWidth="1"/>
    <col min="34" max="35" width="11.5" style="127" bestFit="1" customWidth="1"/>
    <col min="36" max="36" width="11.125" style="127" customWidth="1"/>
    <col min="37" max="37" width="15.625" style="127" customWidth="1"/>
    <col min="38" max="38" width="15" style="127" customWidth="1"/>
    <col min="39" max="39" width="16.25" style="127" customWidth="1"/>
    <col min="40" max="40" width="15.625" style="127" customWidth="1"/>
    <col min="41" max="41" width="8.25" style="127" bestFit="1" customWidth="1"/>
    <col min="42" max="42" width="3.625" style="127" customWidth="1"/>
    <col min="43" max="43" width="10" style="127" customWidth="1"/>
    <col min="44" max="45" width="15.625" style="127" customWidth="1"/>
    <col min="46" max="46" width="15.5" style="127" bestFit="1" customWidth="1"/>
    <col min="47" max="47" width="7.625" style="127" customWidth="1"/>
    <col min="48" max="49" width="15.625" style="127" customWidth="1"/>
    <col min="50" max="50" width="15.5" style="127" bestFit="1" customWidth="1"/>
    <col min="51" max="51" width="7.625" style="127" customWidth="1"/>
    <col min="52" max="52" width="9.5" style="127" customWidth="1"/>
    <col min="53" max="53" width="10.125" style="127" bestFit="1" customWidth="1"/>
    <col min="54" max="54" width="10.625" style="127" customWidth="1"/>
    <col min="55" max="55" width="8.375" style="127" bestFit="1" customWidth="1"/>
    <col min="56" max="57" width="7.625" style="127" customWidth="1"/>
    <col min="58" max="16384" width="9" style="127"/>
  </cols>
  <sheetData>
    <row r="1" spans="1:57" s="3" customFormat="1" ht="14.1" customHeight="1" x14ac:dyDescent="0.15">
      <c r="A1" s="1" t="s">
        <v>0</v>
      </c>
      <c r="B1" s="2"/>
      <c r="D1" s="4"/>
      <c r="E1" s="2"/>
      <c r="F1" s="2"/>
      <c r="G1" s="2"/>
      <c r="H1" s="2"/>
      <c r="I1" s="2"/>
      <c r="J1" s="2"/>
      <c r="K1" s="2"/>
      <c r="L1" s="2"/>
      <c r="N1" s="5" t="s">
        <v>1</v>
      </c>
      <c r="P1" s="6"/>
      <c r="Q1" s="7"/>
      <c r="R1" s="7"/>
      <c r="S1" s="7"/>
      <c r="T1" s="7"/>
      <c r="V1" s="4"/>
      <c r="W1" s="4"/>
      <c r="X1" s="2"/>
      <c r="Y1" s="2"/>
      <c r="Z1" s="2"/>
      <c r="AA1" s="2"/>
      <c r="AB1" s="2"/>
      <c r="AC1" s="5" t="s">
        <v>2</v>
      </c>
      <c r="AD1" s="8"/>
      <c r="AE1" s="2"/>
      <c r="AF1" s="2"/>
      <c r="AG1" s="9"/>
      <c r="AH1" s="2"/>
      <c r="AI1" s="2"/>
      <c r="AJ1" s="2"/>
      <c r="AK1" s="2"/>
      <c r="AL1" s="2"/>
      <c r="AM1" s="10"/>
      <c r="AN1" s="8"/>
      <c r="AO1" s="4"/>
      <c r="AP1" s="5" t="s">
        <v>3</v>
      </c>
      <c r="AR1" s="2"/>
      <c r="AS1" s="2"/>
      <c r="AT1" s="2"/>
      <c r="AU1" s="2"/>
      <c r="AV1" s="2" t="s">
        <v>4</v>
      </c>
      <c r="AW1" s="2"/>
      <c r="AX1" s="2"/>
      <c r="AY1" s="2"/>
      <c r="AZ1" s="2"/>
      <c r="BA1" s="2"/>
      <c r="BB1" s="2"/>
      <c r="BC1" s="2"/>
      <c r="BD1" s="2"/>
      <c r="BE1" s="11"/>
    </row>
    <row r="2" spans="1:57" s="3" customFormat="1" ht="10.5" customHeight="1" thickBot="1" x14ac:dyDescent="0.2">
      <c r="A2" s="12"/>
      <c r="B2" s="2"/>
      <c r="C2" s="9"/>
      <c r="D2" s="4"/>
      <c r="E2" s="2"/>
      <c r="F2" s="2"/>
      <c r="G2" s="2"/>
      <c r="H2" s="2"/>
      <c r="I2" s="2"/>
      <c r="J2" s="2"/>
      <c r="K2" s="2"/>
      <c r="L2" s="10"/>
      <c r="M2" s="10" t="s">
        <v>5</v>
      </c>
      <c r="P2" s="10"/>
      <c r="Q2" s="7"/>
      <c r="R2" s="7"/>
      <c r="S2" s="7"/>
      <c r="T2" s="7"/>
      <c r="U2" s="8"/>
      <c r="V2" s="4"/>
      <c r="W2" s="4"/>
      <c r="X2" s="2"/>
      <c r="Y2" s="2"/>
      <c r="Z2" s="10"/>
      <c r="AA2" s="2"/>
      <c r="AB2" s="10" t="s">
        <v>5</v>
      </c>
      <c r="AC2" s="2"/>
      <c r="AD2" s="2"/>
      <c r="AE2" s="2"/>
      <c r="AF2" s="2"/>
      <c r="AG2" s="13"/>
      <c r="AH2" s="2"/>
      <c r="AI2" s="2"/>
      <c r="AJ2" s="2"/>
      <c r="AK2" s="2"/>
      <c r="AL2" s="2"/>
      <c r="AM2" s="10"/>
      <c r="AN2" s="8"/>
      <c r="AO2" s="10" t="s">
        <v>5</v>
      </c>
      <c r="AP2" s="8"/>
      <c r="AR2" s="2"/>
      <c r="AS2" s="2"/>
      <c r="AT2" s="2"/>
      <c r="AU2" s="2"/>
      <c r="AV2" s="2"/>
      <c r="AW2" s="2"/>
      <c r="AX2" s="2"/>
      <c r="AY2" s="10"/>
      <c r="AZ2" s="2"/>
      <c r="BA2" s="2"/>
      <c r="BB2" s="2"/>
      <c r="BC2" s="2"/>
      <c r="BD2" s="2"/>
      <c r="BE2" s="11" t="s">
        <v>5</v>
      </c>
    </row>
    <row r="3" spans="1:57" s="3" customFormat="1" ht="12" customHeight="1" x14ac:dyDescent="0.15">
      <c r="A3" s="169" t="s">
        <v>6</v>
      </c>
      <c r="B3" s="170"/>
      <c r="C3" s="14"/>
      <c r="D3" s="129" t="s">
        <v>7</v>
      </c>
      <c r="E3" s="130"/>
      <c r="F3" s="131"/>
      <c r="G3" s="132"/>
      <c r="H3" s="130"/>
      <c r="I3" s="130"/>
      <c r="J3" s="130"/>
      <c r="K3" s="130"/>
      <c r="L3" s="132"/>
      <c r="M3" s="15" t="s">
        <v>8</v>
      </c>
      <c r="N3" s="169" t="s">
        <v>6</v>
      </c>
      <c r="O3" s="170"/>
      <c r="P3" s="16" t="s">
        <v>9</v>
      </c>
      <c r="Q3" s="183" t="s">
        <v>10</v>
      </c>
      <c r="R3" s="184"/>
      <c r="S3" s="183" t="s">
        <v>11</v>
      </c>
      <c r="T3" s="184"/>
      <c r="U3" s="185" t="s">
        <v>12</v>
      </c>
      <c r="V3" s="186"/>
      <c r="W3" s="133"/>
      <c r="X3" s="177" t="s">
        <v>13</v>
      </c>
      <c r="Y3" s="187"/>
      <c r="Z3" s="188"/>
      <c r="AA3" s="177" t="s">
        <v>14</v>
      </c>
      <c r="AB3" s="178"/>
      <c r="AC3" s="169" t="s">
        <v>6</v>
      </c>
      <c r="AD3" s="170"/>
      <c r="AE3" s="165" t="s">
        <v>15</v>
      </c>
      <c r="AF3" s="165" t="s">
        <v>16</v>
      </c>
      <c r="AG3" s="179" t="s">
        <v>17</v>
      </c>
      <c r="AH3" s="167" t="s">
        <v>18</v>
      </c>
      <c r="AI3" s="165" t="s">
        <v>19</v>
      </c>
      <c r="AJ3" s="165" t="s">
        <v>20</v>
      </c>
      <c r="AK3" s="165" t="s">
        <v>21</v>
      </c>
      <c r="AL3" s="167" t="s">
        <v>22</v>
      </c>
      <c r="AM3" s="17"/>
      <c r="AN3" s="135" t="s">
        <v>23</v>
      </c>
      <c r="AO3" s="136"/>
      <c r="AP3" s="169" t="s">
        <v>6</v>
      </c>
      <c r="AQ3" s="170"/>
      <c r="AR3" s="129" t="s">
        <v>24</v>
      </c>
      <c r="AS3" s="130"/>
      <c r="AT3" s="130"/>
      <c r="AU3" s="130"/>
      <c r="AV3" s="129"/>
      <c r="AW3" s="130"/>
      <c r="AX3" s="130"/>
      <c r="AY3" s="130"/>
      <c r="AZ3" s="129" t="s">
        <v>25</v>
      </c>
      <c r="BA3" s="137"/>
      <c r="BB3" s="130"/>
      <c r="BC3" s="130"/>
      <c r="BD3" s="130"/>
      <c r="BE3" s="134"/>
    </row>
    <row r="4" spans="1:57" s="3" customFormat="1" ht="12" customHeight="1" x14ac:dyDescent="0.15">
      <c r="A4" s="171"/>
      <c r="B4" s="172"/>
      <c r="C4" s="18" t="s">
        <v>26</v>
      </c>
      <c r="D4" s="138" t="s">
        <v>27</v>
      </c>
      <c r="E4" s="139"/>
      <c r="F4" s="140"/>
      <c r="G4" s="141"/>
      <c r="H4" s="163" t="s">
        <v>28</v>
      </c>
      <c r="I4" s="175" t="s">
        <v>29</v>
      </c>
      <c r="J4" s="163" t="s">
        <v>30</v>
      </c>
      <c r="K4" s="163" t="s">
        <v>31</v>
      </c>
      <c r="L4" s="163" t="s">
        <v>32</v>
      </c>
      <c r="M4" s="181" t="s">
        <v>33</v>
      </c>
      <c r="N4" s="171"/>
      <c r="O4" s="172"/>
      <c r="P4" s="163" t="s">
        <v>34</v>
      </c>
      <c r="Q4" s="159" t="s">
        <v>35</v>
      </c>
      <c r="R4" s="161" t="s">
        <v>36</v>
      </c>
      <c r="S4" s="159" t="s">
        <v>37</v>
      </c>
      <c r="T4" s="161" t="s">
        <v>36</v>
      </c>
      <c r="U4" s="163" t="s">
        <v>38</v>
      </c>
      <c r="V4" s="163" t="s">
        <v>39</v>
      </c>
      <c r="W4" s="19" t="s">
        <v>40</v>
      </c>
      <c r="X4" s="20" t="s">
        <v>41</v>
      </c>
      <c r="Y4" s="20" t="s">
        <v>42</v>
      </c>
      <c r="Z4" s="163" t="s">
        <v>43</v>
      </c>
      <c r="AA4" s="157" t="s">
        <v>44</v>
      </c>
      <c r="AB4" s="181" t="s">
        <v>43</v>
      </c>
      <c r="AC4" s="171"/>
      <c r="AD4" s="172"/>
      <c r="AE4" s="166"/>
      <c r="AF4" s="166"/>
      <c r="AG4" s="180"/>
      <c r="AH4" s="168"/>
      <c r="AI4" s="166"/>
      <c r="AJ4" s="166"/>
      <c r="AK4" s="166"/>
      <c r="AL4" s="168"/>
      <c r="AM4" s="21" t="s">
        <v>45</v>
      </c>
      <c r="AN4" s="157" t="s">
        <v>46</v>
      </c>
      <c r="AO4" s="22" t="s">
        <v>47</v>
      </c>
      <c r="AP4" s="171"/>
      <c r="AQ4" s="172"/>
      <c r="AR4" s="142" t="s">
        <v>48</v>
      </c>
      <c r="AS4" s="143"/>
      <c r="AT4" s="143"/>
      <c r="AU4" s="144"/>
      <c r="AV4" s="142" t="s">
        <v>49</v>
      </c>
      <c r="AW4" s="143"/>
      <c r="AX4" s="143"/>
      <c r="AY4" s="144"/>
      <c r="AZ4" s="142" t="s">
        <v>50</v>
      </c>
      <c r="BA4" s="145"/>
      <c r="BB4" s="145"/>
      <c r="BC4" s="142" t="s">
        <v>51</v>
      </c>
      <c r="BD4" s="145"/>
      <c r="BE4" s="146"/>
    </row>
    <row r="5" spans="1:57" s="3" customFormat="1" ht="12" customHeight="1" thickBot="1" x14ac:dyDescent="0.2">
      <c r="A5" s="173"/>
      <c r="B5" s="174"/>
      <c r="C5" s="23"/>
      <c r="D5" s="24" t="s">
        <v>52</v>
      </c>
      <c r="E5" s="24" t="s">
        <v>53</v>
      </c>
      <c r="F5" s="24" t="s">
        <v>54</v>
      </c>
      <c r="G5" s="25" t="s">
        <v>55</v>
      </c>
      <c r="H5" s="164"/>
      <c r="I5" s="176"/>
      <c r="J5" s="164"/>
      <c r="K5" s="164"/>
      <c r="L5" s="164"/>
      <c r="M5" s="182"/>
      <c r="N5" s="173"/>
      <c r="O5" s="174"/>
      <c r="P5" s="164"/>
      <c r="Q5" s="160"/>
      <c r="R5" s="162"/>
      <c r="S5" s="160"/>
      <c r="T5" s="162"/>
      <c r="U5" s="164"/>
      <c r="V5" s="164"/>
      <c r="W5" s="26"/>
      <c r="X5" s="27" t="s">
        <v>56</v>
      </c>
      <c r="Y5" s="27" t="s">
        <v>57</v>
      </c>
      <c r="Z5" s="164"/>
      <c r="AA5" s="158"/>
      <c r="AB5" s="182"/>
      <c r="AC5" s="173"/>
      <c r="AD5" s="174"/>
      <c r="AE5" s="158"/>
      <c r="AF5" s="158"/>
      <c r="AG5" s="162"/>
      <c r="AH5" s="164"/>
      <c r="AI5" s="158"/>
      <c r="AJ5" s="158"/>
      <c r="AK5" s="158"/>
      <c r="AL5" s="164"/>
      <c r="AM5" s="28"/>
      <c r="AN5" s="158"/>
      <c r="AO5" s="29" t="s">
        <v>58</v>
      </c>
      <c r="AP5" s="173"/>
      <c r="AQ5" s="174"/>
      <c r="AR5" s="24" t="s">
        <v>59</v>
      </c>
      <c r="AS5" s="24" t="s">
        <v>60</v>
      </c>
      <c r="AT5" s="24" t="s">
        <v>61</v>
      </c>
      <c r="AU5" s="30" t="s">
        <v>62</v>
      </c>
      <c r="AV5" s="24" t="s">
        <v>59</v>
      </c>
      <c r="AW5" s="24" t="s">
        <v>60</v>
      </c>
      <c r="AX5" s="24" t="s">
        <v>61</v>
      </c>
      <c r="AY5" s="30" t="s">
        <v>62</v>
      </c>
      <c r="AZ5" s="24" t="s">
        <v>52</v>
      </c>
      <c r="BA5" s="24" t="s">
        <v>63</v>
      </c>
      <c r="BB5" s="24" t="s">
        <v>64</v>
      </c>
      <c r="BC5" s="24" t="s">
        <v>52</v>
      </c>
      <c r="BD5" s="24" t="s">
        <v>63</v>
      </c>
      <c r="BE5" s="29" t="s">
        <v>64</v>
      </c>
    </row>
    <row r="6" spans="1:57" s="3" customFormat="1" ht="15" customHeight="1" thickTop="1" x14ac:dyDescent="0.15">
      <c r="A6" s="153" t="s">
        <v>66</v>
      </c>
      <c r="B6" s="154"/>
      <c r="C6" s="31">
        <v>14024583653</v>
      </c>
      <c r="D6" s="31">
        <v>541070180167</v>
      </c>
      <c r="E6" s="31">
        <v>8973042491</v>
      </c>
      <c r="F6" s="31">
        <v>550043222658</v>
      </c>
      <c r="G6" s="31">
        <v>1364905987</v>
      </c>
      <c r="H6" s="31">
        <v>62696744516</v>
      </c>
      <c r="I6" s="31">
        <v>31498075</v>
      </c>
      <c r="J6" s="31">
        <v>7076184</v>
      </c>
      <c r="K6" s="31">
        <v>5529275773</v>
      </c>
      <c r="L6" s="33">
        <v>674050000</v>
      </c>
      <c r="M6" s="34">
        <v>1487025941</v>
      </c>
      <c r="N6" s="153" t="s">
        <v>67</v>
      </c>
      <c r="O6" s="154"/>
      <c r="P6" s="33">
        <v>621833799134</v>
      </c>
      <c r="Q6" s="35">
        <v>129717803287</v>
      </c>
      <c r="R6" s="41">
        <v>9627891</v>
      </c>
      <c r="S6" s="41">
        <v>2377394210</v>
      </c>
      <c r="T6" s="41">
        <v>9367678</v>
      </c>
      <c r="U6" s="189">
        <v>2357982</v>
      </c>
      <c r="V6" s="31">
        <v>5618124</v>
      </c>
      <c r="W6" s="31">
        <v>53147522754</v>
      </c>
      <c r="X6" s="31">
        <v>19050111926</v>
      </c>
      <c r="Y6" s="35">
        <v>65389007407</v>
      </c>
      <c r="Z6" s="36">
        <v>8591884</v>
      </c>
      <c r="AA6" s="31">
        <v>4592077668</v>
      </c>
      <c r="AB6" s="40">
        <v>1419661724</v>
      </c>
      <c r="AC6" s="153" t="s">
        <v>66</v>
      </c>
      <c r="AD6" s="154"/>
      <c r="AE6" s="31">
        <v>18300000</v>
      </c>
      <c r="AF6" s="33">
        <v>13177926361</v>
      </c>
      <c r="AG6" s="31">
        <v>924783751683</v>
      </c>
      <c r="AH6" s="31">
        <v>1031258710</v>
      </c>
      <c r="AI6" s="31">
        <v>9204590475</v>
      </c>
      <c r="AJ6" s="31">
        <v>52001533</v>
      </c>
      <c r="AK6" s="31">
        <v>935071602401</v>
      </c>
      <c r="AL6" s="198">
        <v>4946638256</v>
      </c>
      <c r="AM6" s="33">
        <v>15160253190</v>
      </c>
      <c r="AN6" s="31">
        <v>13943383886</v>
      </c>
      <c r="AO6" s="34">
        <v>0</v>
      </c>
      <c r="AP6" s="153" t="s">
        <v>67</v>
      </c>
      <c r="AQ6" s="154"/>
      <c r="AR6" s="31">
        <v>267828298606</v>
      </c>
      <c r="AS6" s="31">
        <v>242243080217</v>
      </c>
      <c r="AT6" s="31">
        <v>41792170</v>
      </c>
      <c r="AU6" s="37">
        <v>0.90459999999999996</v>
      </c>
      <c r="AV6" s="31">
        <v>79424890414</v>
      </c>
      <c r="AW6" s="31">
        <v>13497041445</v>
      </c>
      <c r="AX6" s="31">
        <v>22529591</v>
      </c>
      <c r="AY6" s="37">
        <v>0.17</v>
      </c>
      <c r="AZ6" s="31">
        <v>47686</v>
      </c>
      <c r="BA6" s="31">
        <v>0</v>
      </c>
      <c r="BB6" s="38">
        <v>47686</v>
      </c>
      <c r="BC6" s="31">
        <v>0</v>
      </c>
      <c r="BD6" s="31">
        <v>0</v>
      </c>
      <c r="BE6" s="39">
        <v>0</v>
      </c>
    </row>
    <row r="7" spans="1:57" s="3" customFormat="1" ht="15" customHeight="1" x14ac:dyDescent="0.15">
      <c r="A7" s="153" t="s">
        <v>68</v>
      </c>
      <c r="B7" s="154"/>
      <c r="C7" s="31">
        <v>14188566738</v>
      </c>
      <c r="D7" s="31">
        <v>549031231921</v>
      </c>
      <c r="E7" s="31">
        <v>8861221017</v>
      </c>
      <c r="F7" s="31">
        <v>557892452938</v>
      </c>
      <c r="G7" s="31">
        <v>1412194131</v>
      </c>
      <c r="H7" s="31">
        <v>64034908330</v>
      </c>
      <c r="I7" s="31">
        <v>35475196</v>
      </c>
      <c r="J7" s="31">
        <v>4899975</v>
      </c>
      <c r="K7" s="31">
        <v>5221413835</v>
      </c>
      <c r="L7" s="33">
        <v>674030000</v>
      </c>
      <c r="M7" s="34">
        <v>1414458421</v>
      </c>
      <c r="N7" s="153" t="s">
        <v>68</v>
      </c>
      <c r="O7" s="154"/>
      <c r="P7" s="33">
        <v>630689832826</v>
      </c>
      <c r="Q7" s="35">
        <v>135195857715</v>
      </c>
      <c r="R7" s="41">
        <v>10886399</v>
      </c>
      <c r="S7" s="41">
        <v>2598892373</v>
      </c>
      <c r="T7" s="41">
        <v>10886399</v>
      </c>
      <c r="U7" s="189">
        <v>1983134</v>
      </c>
      <c r="V7" s="31">
        <v>4861891</v>
      </c>
      <c r="W7" s="31">
        <v>56243468675</v>
      </c>
      <c r="X7" s="31">
        <v>19722458866</v>
      </c>
      <c r="Y7" s="35">
        <v>65592194050</v>
      </c>
      <c r="Z7" s="36">
        <v>829608</v>
      </c>
      <c r="AA7" s="31">
        <v>4711753818</v>
      </c>
      <c r="AB7" s="40">
        <v>1392487708</v>
      </c>
      <c r="AC7" s="153" t="s">
        <v>68</v>
      </c>
      <c r="AD7" s="154"/>
      <c r="AE7" s="31">
        <v>16223000</v>
      </c>
      <c r="AF7" s="33">
        <v>12286312559</v>
      </c>
      <c r="AG7" s="31">
        <v>942667495759</v>
      </c>
      <c r="AH7" s="31">
        <v>1546498035</v>
      </c>
      <c r="AI7" s="31">
        <v>297941921</v>
      </c>
      <c r="AJ7" s="31">
        <v>31683127</v>
      </c>
      <c r="AK7" s="31">
        <v>944543618842</v>
      </c>
      <c r="AL7" s="198">
        <v>15065588826</v>
      </c>
      <c r="AM7" s="33">
        <v>29770647907</v>
      </c>
      <c r="AN7" s="31">
        <v>14406409607</v>
      </c>
      <c r="AO7" s="34">
        <v>0</v>
      </c>
      <c r="AP7" s="153" t="s">
        <v>68</v>
      </c>
      <c r="AQ7" s="154"/>
      <c r="AR7" s="31">
        <v>274375393687</v>
      </c>
      <c r="AS7" s="31">
        <v>251018929972</v>
      </c>
      <c r="AT7" s="31">
        <v>53558482</v>
      </c>
      <c r="AU7" s="37">
        <v>0.91510000000000002</v>
      </c>
      <c r="AV7" s="31">
        <v>75266154131</v>
      </c>
      <c r="AW7" s="31">
        <v>14351107777</v>
      </c>
      <c r="AX7" s="31">
        <v>66038037</v>
      </c>
      <c r="AY7" s="37">
        <v>0.1908</v>
      </c>
      <c r="AZ7" s="31">
        <v>117565</v>
      </c>
      <c r="BA7" s="31">
        <v>0</v>
      </c>
      <c r="BB7" s="38">
        <v>117565</v>
      </c>
      <c r="BC7" s="31">
        <v>0</v>
      </c>
      <c r="BD7" s="31">
        <v>0</v>
      </c>
      <c r="BE7" s="39">
        <v>0</v>
      </c>
    </row>
    <row r="8" spans="1:57" s="3" customFormat="1" ht="15" customHeight="1" x14ac:dyDescent="0.15">
      <c r="A8" s="153" t="s">
        <v>69</v>
      </c>
      <c r="B8" s="154"/>
      <c r="C8" s="45">
        <v>14175678126</v>
      </c>
      <c r="D8" s="45">
        <v>552674646549</v>
      </c>
      <c r="E8" s="45">
        <v>8698028867</v>
      </c>
      <c r="F8" s="45">
        <v>561372675416</v>
      </c>
      <c r="G8" s="45">
        <v>1345000264</v>
      </c>
      <c r="H8" s="45">
        <v>65684705330</v>
      </c>
      <c r="I8" s="45">
        <v>38322430</v>
      </c>
      <c r="J8" s="45">
        <v>5816542</v>
      </c>
      <c r="K8" s="45">
        <v>4943286679</v>
      </c>
      <c r="L8" s="46">
        <v>672530000</v>
      </c>
      <c r="M8" s="47">
        <v>954724153</v>
      </c>
      <c r="N8" s="153" t="s">
        <v>69</v>
      </c>
      <c r="O8" s="154"/>
      <c r="P8" s="46">
        <v>635017060814</v>
      </c>
      <c r="Q8" s="48">
        <v>134369330976</v>
      </c>
      <c r="R8" s="49">
        <v>9484830</v>
      </c>
      <c r="S8" s="49">
        <v>2864475148</v>
      </c>
      <c r="T8" s="49">
        <v>9484830</v>
      </c>
      <c r="U8" s="190">
        <v>-9903</v>
      </c>
      <c r="V8" s="45">
        <v>4537755</v>
      </c>
      <c r="W8" s="45">
        <v>56609947728</v>
      </c>
      <c r="X8" s="45">
        <v>19942731995</v>
      </c>
      <c r="Y8" s="45">
        <v>67018831356</v>
      </c>
      <c r="Z8" s="46">
        <v>851808</v>
      </c>
      <c r="AA8" s="50">
        <v>4928151971</v>
      </c>
      <c r="AB8" s="47">
        <v>1440301300</v>
      </c>
      <c r="AC8" s="153" t="s">
        <v>69</v>
      </c>
      <c r="AD8" s="154"/>
      <c r="AE8" s="45">
        <v>30158000</v>
      </c>
      <c r="AF8" s="46">
        <v>11303884406</v>
      </c>
      <c r="AG8" s="48">
        <v>947724901140</v>
      </c>
      <c r="AH8" s="45">
        <v>1001875958</v>
      </c>
      <c r="AI8" s="45">
        <v>0</v>
      </c>
      <c r="AJ8" s="45">
        <v>111129073</v>
      </c>
      <c r="AK8" s="45">
        <v>948837906171</v>
      </c>
      <c r="AL8" s="199">
        <v>3480865139</v>
      </c>
      <c r="AM8" s="46">
        <v>33464233108</v>
      </c>
      <c r="AN8" s="45">
        <v>13807039376</v>
      </c>
      <c r="AO8" s="47">
        <v>0</v>
      </c>
      <c r="AP8" s="153" t="s">
        <v>69</v>
      </c>
      <c r="AQ8" s="154"/>
      <c r="AR8" s="31">
        <v>266054901548</v>
      </c>
      <c r="AS8" s="31">
        <v>245356311592</v>
      </c>
      <c r="AT8" s="31">
        <v>31250302</v>
      </c>
      <c r="AU8" s="37">
        <v>0.92230000000000001</v>
      </c>
      <c r="AV8" s="31">
        <v>68398700150</v>
      </c>
      <c r="AW8" s="31">
        <v>13099827773</v>
      </c>
      <c r="AX8" s="31">
        <v>72241592</v>
      </c>
      <c r="AY8" s="37">
        <v>0.19170000000000001</v>
      </c>
      <c r="AZ8" s="31">
        <v>47686</v>
      </c>
      <c r="BA8" s="31">
        <v>0</v>
      </c>
      <c r="BB8" s="38">
        <v>47686</v>
      </c>
      <c r="BC8" s="31">
        <v>0</v>
      </c>
      <c r="BD8" s="31">
        <v>0</v>
      </c>
      <c r="BE8" s="39">
        <v>0</v>
      </c>
    </row>
    <row r="9" spans="1:57" s="3" customFormat="1" ht="15" customHeight="1" thickBot="1" x14ac:dyDescent="0.2">
      <c r="A9" s="155" t="s">
        <v>70</v>
      </c>
      <c r="B9" s="156"/>
      <c r="C9" s="51">
        <v>15058014525</v>
      </c>
      <c r="D9" s="51">
        <v>562247373948</v>
      </c>
      <c r="E9" s="51">
        <v>8414606819</v>
      </c>
      <c r="F9" s="51">
        <v>570661980767</v>
      </c>
      <c r="G9" s="51">
        <v>1257759262</v>
      </c>
      <c r="H9" s="51">
        <v>70348645859</v>
      </c>
      <c r="I9" s="51">
        <v>43042336</v>
      </c>
      <c r="J9" s="51">
        <v>5445450</v>
      </c>
      <c r="K9" s="51">
        <v>4635329006</v>
      </c>
      <c r="L9" s="52">
        <v>652270000</v>
      </c>
      <c r="M9" s="53">
        <v>743982402</v>
      </c>
      <c r="N9" s="155" t="s">
        <v>71</v>
      </c>
      <c r="O9" s="156"/>
      <c r="P9" s="52">
        <v>648348455082</v>
      </c>
      <c r="Q9" s="54">
        <v>132204583582</v>
      </c>
      <c r="R9" s="55">
        <v>8803549</v>
      </c>
      <c r="S9" s="55">
        <v>3072784959</v>
      </c>
      <c r="T9" s="55">
        <v>9055075</v>
      </c>
      <c r="U9" s="191">
        <v>-76697</v>
      </c>
      <c r="V9" s="51">
        <v>4537755</v>
      </c>
      <c r="W9" s="51">
        <v>51292845135</v>
      </c>
      <c r="X9" s="51">
        <v>21879607385</v>
      </c>
      <c r="Y9" s="51">
        <v>198695766711</v>
      </c>
      <c r="Z9" s="52">
        <v>841399</v>
      </c>
      <c r="AA9" s="56">
        <v>5078892732</v>
      </c>
      <c r="AB9" s="53">
        <v>1460262950</v>
      </c>
      <c r="AC9" s="155" t="s">
        <v>72</v>
      </c>
      <c r="AD9" s="156"/>
      <c r="AE9" s="51">
        <v>62575000</v>
      </c>
      <c r="AF9" s="52">
        <v>8365674086</v>
      </c>
      <c r="AG9" s="54">
        <v>1085542623228</v>
      </c>
      <c r="AH9" s="51">
        <v>1287175839</v>
      </c>
      <c r="AI9" s="51">
        <v>37300905</v>
      </c>
      <c r="AJ9" s="51">
        <v>210414074</v>
      </c>
      <c r="AK9" s="51">
        <v>1087077514046</v>
      </c>
      <c r="AL9" s="200">
        <v>-3733791440</v>
      </c>
      <c r="AM9" s="52">
        <v>30088964600</v>
      </c>
      <c r="AN9" s="51">
        <v>13220503233</v>
      </c>
      <c r="AO9" s="53">
        <v>0</v>
      </c>
      <c r="AP9" s="155" t="s">
        <v>73</v>
      </c>
      <c r="AQ9" s="156"/>
      <c r="AR9" s="57">
        <v>247526354489</v>
      </c>
      <c r="AS9" s="57">
        <v>230536484585</v>
      </c>
      <c r="AT9" s="57">
        <v>30666731</v>
      </c>
      <c r="AU9" s="59">
        <v>0.93149999999999999</v>
      </c>
      <c r="AV9" s="57">
        <v>61534999090</v>
      </c>
      <c r="AW9" s="57">
        <v>12647207790</v>
      </c>
      <c r="AX9" s="57">
        <v>76691955</v>
      </c>
      <c r="AY9" s="59">
        <v>0.20580000000000001</v>
      </c>
      <c r="AZ9" s="57">
        <v>1971504</v>
      </c>
      <c r="BA9" s="57">
        <v>4480</v>
      </c>
      <c r="BB9" s="60">
        <v>1975984</v>
      </c>
      <c r="BC9" s="57">
        <v>58313</v>
      </c>
      <c r="BD9" s="57">
        <v>0</v>
      </c>
      <c r="BE9" s="61">
        <v>58313</v>
      </c>
    </row>
    <row r="10" spans="1:57" s="3" customFormat="1" ht="15" customHeight="1" thickTop="1" thickBot="1" x14ac:dyDescent="0.2">
      <c r="A10" s="149" t="s">
        <v>74</v>
      </c>
      <c r="B10" s="150"/>
      <c r="C10" s="57">
        <v>14579542847</v>
      </c>
      <c r="D10" s="57">
        <v>538928421934</v>
      </c>
      <c r="E10" s="57">
        <v>7749943827</v>
      </c>
      <c r="F10" s="57">
        <v>546678365761</v>
      </c>
      <c r="G10" s="57">
        <v>1594076399</v>
      </c>
      <c r="H10" s="57">
        <v>72003839338</v>
      </c>
      <c r="I10" s="57">
        <v>51406579</v>
      </c>
      <c r="J10" s="57">
        <v>8103751</v>
      </c>
      <c r="K10" s="57">
        <v>4195419181</v>
      </c>
      <c r="L10" s="62">
        <v>631680000</v>
      </c>
      <c r="M10" s="63">
        <v>642898708</v>
      </c>
      <c r="N10" s="149" t="s">
        <v>75</v>
      </c>
      <c r="O10" s="150"/>
      <c r="P10" s="62">
        <v>625805789717</v>
      </c>
      <c r="Q10" s="64">
        <v>125160383746</v>
      </c>
      <c r="R10" s="65">
        <v>8990047</v>
      </c>
      <c r="S10" s="65">
        <v>2956905875</v>
      </c>
      <c r="T10" s="65">
        <v>8758787</v>
      </c>
      <c r="U10" s="192">
        <v>-6518</v>
      </c>
      <c r="V10" s="57">
        <v>3565379</v>
      </c>
      <c r="W10" s="57">
        <v>48175818813</v>
      </c>
      <c r="X10" s="57">
        <v>24657647695</v>
      </c>
      <c r="Y10" s="57">
        <v>198321423316</v>
      </c>
      <c r="Z10" s="62">
        <v>832360</v>
      </c>
      <c r="AA10" s="66">
        <v>4875773069</v>
      </c>
      <c r="AB10" s="63">
        <v>1480252202</v>
      </c>
      <c r="AC10" s="149" t="s">
        <v>75</v>
      </c>
      <c r="AD10" s="150"/>
      <c r="AE10" s="57">
        <v>66946000</v>
      </c>
      <c r="AF10" s="62">
        <v>6300411440</v>
      </c>
      <c r="AG10" s="64">
        <v>1052403034775</v>
      </c>
      <c r="AH10" s="57">
        <v>1526543999</v>
      </c>
      <c r="AI10" s="57">
        <v>0</v>
      </c>
      <c r="AJ10" s="57">
        <v>64449288</v>
      </c>
      <c r="AK10" s="57">
        <v>1053994028062</v>
      </c>
      <c r="AL10" s="201">
        <v>3324738803</v>
      </c>
      <c r="AM10" s="62">
        <v>34198055032</v>
      </c>
      <c r="AN10" s="57">
        <v>12552037778</v>
      </c>
      <c r="AO10" s="63">
        <v>0</v>
      </c>
      <c r="AP10" s="149" t="s">
        <v>76</v>
      </c>
      <c r="AQ10" s="150"/>
      <c r="AR10" s="57">
        <v>239699917373</v>
      </c>
      <c r="AS10" s="57">
        <v>224070689138</v>
      </c>
      <c r="AT10" s="57">
        <v>25304005</v>
      </c>
      <c r="AU10" s="59">
        <v>0.93489999999999995</v>
      </c>
      <c r="AV10" s="57">
        <v>52967828912</v>
      </c>
      <c r="AW10" s="57">
        <v>10825234210</v>
      </c>
      <c r="AX10" s="57">
        <v>35347575</v>
      </c>
      <c r="AY10" s="59">
        <v>0.20449999999999999</v>
      </c>
      <c r="AZ10" s="66">
        <v>1951583</v>
      </c>
      <c r="BA10" s="57">
        <v>18153189</v>
      </c>
      <c r="BB10" s="67">
        <v>20104772</v>
      </c>
      <c r="BC10" s="57">
        <v>0</v>
      </c>
      <c r="BD10" s="57">
        <v>0</v>
      </c>
      <c r="BE10" s="61">
        <v>0</v>
      </c>
    </row>
    <row r="11" spans="1:57" s="3" customFormat="1" ht="15" customHeight="1" thickTop="1" x14ac:dyDescent="0.15">
      <c r="A11" s="68">
        <v>1</v>
      </c>
      <c r="B11" s="69" t="s">
        <v>77</v>
      </c>
      <c r="C11" s="70">
        <v>4913135280</v>
      </c>
      <c r="D11" s="70">
        <v>200004847849</v>
      </c>
      <c r="E11" s="71">
        <v>2889353604</v>
      </c>
      <c r="F11" s="72">
        <v>202894201453</v>
      </c>
      <c r="G11" s="70">
        <v>640017627</v>
      </c>
      <c r="H11" s="70">
        <v>26818769949</v>
      </c>
      <c r="I11" s="70">
        <v>16447223</v>
      </c>
      <c r="J11" s="70">
        <v>1840252</v>
      </c>
      <c r="K11" s="70">
        <v>1403417989</v>
      </c>
      <c r="L11" s="73">
        <v>228100000</v>
      </c>
      <c r="M11" s="74">
        <v>7500000</v>
      </c>
      <c r="N11" s="68">
        <v>1</v>
      </c>
      <c r="O11" s="69" t="s">
        <v>77</v>
      </c>
      <c r="P11" s="75">
        <v>232010294493</v>
      </c>
      <c r="Q11" s="70">
        <v>44073685037</v>
      </c>
      <c r="R11" s="70">
        <v>3199106</v>
      </c>
      <c r="S11" s="70">
        <v>28562272</v>
      </c>
      <c r="T11" s="70">
        <v>3103548</v>
      </c>
      <c r="U11" s="193">
        <v>0</v>
      </c>
      <c r="V11" s="70">
        <v>1297056</v>
      </c>
      <c r="W11" s="70">
        <v>16944298364</v>
      </c>
      <c r="X11" s="70">
        <v>9465599768</v>
      </c>
      <c r="Y11" s="70">
        <v>76233797466</v>
      </c>
      <c r="Z11" s="73">
        <v>58520</v>
      </c>
      <c r="AA11" s="70">
        <v>1194497088</v>
      </c>
      <c r="AB11" s="74">
        <v>93649584</v>
      </c>
      <c r="AC11" s="68">
        <v>1</v>
      </c>
      <c r="AD11" s="69" t="s">
        <v>77</v>
      </c>
      <c r="AE11" s="70">
        <v>0</v>
      </c>
      <c r="AF11" s="73">
        <v>2156280019</v>
      </c>
      <c r="AG11" s="76">
        <v>387121457601</v>
      </c>
      <c r="AH11" s="71">
        <v>0</v>
      </c>
      <c r="AI11" s="70">
        <v>0</v>
      </c>
      <c r="AJ11" s="70">
        <v>0</v>
      </c>
      <c r="AK11" s="70">
        <v>387121457601</v>
      </c>
      <c r="AL11" s="202">
        <v>-1713516318</v>
      </c>
      <c r="AM11" s="75">
        <v>10060395069</v>
      </c>
      <c r="AN11" s="70">
        <v>0</v>
      </c>
      <c r="AO11" s="74">
        <v>0</v>
      </c>
      <c r="AP11" s="78">
        <v>1</v>
      </c>
      <c r="AQ11" s="69" t="s">
        <v>78</v>
      </c>
      <c r="AR11" s="70">
        <v>82374759124</v>
      </c>
      <c r="AS11" s="70">
        <v>77886698782</v>
      </c>
      <c r="AT11" s="70">
        <v>0</v>
      </c>
      <c r="AU11" s="79">
        <v>0.94550000000000001</v>
      </c>
      <c r="AV11" s="70">
        <v>14232772858</v>
      </c>
      <c r="AW11" s="70">
        <v>3356158689</v>
      </c>
      <c r="AX11" s="70">
        <v>0</v>
      </c>
      <c r="AY11" s="80">
        <v>0.23580000000000001</v>
      </c>
      <c r="AZ11" s="70">
        <v>0</v>
      </c>
      <c r="BA11" s="70">
        <v>0</v>
      </c>
      <c r="BB11" s="77">
        <v>0</v>
      </c>
      <c r="BC11" s="70">
        <v>0</v>
      </c>
      <c r="BD11" s="70">
        <v>0</v>
      </c>
      <c r="BE11" s="81">
        <v>0</v>
      </c>
    </row>
    <row r="12" spans="1:57" s="3" customFormat="1" ht="15" customHeight="1" x14ac:dyDescent="0.15">
      <c r="A12" s="68">
        <v>2</v>
      </c>
      <c r="B12" s="82" t="s">
        <v>79</v>
      </c>
      <c r="C12" s="70">
        <v>2397288363</v>
      </c>
      <c r="D12" s="70">
        <v>72276627444</v>
      </c>
      <c r="E12" s="71">
        <v>1205592929</v>
      </c>
      <c r="F12" s="72">
        <v>73482220373</v>
      </c>
      <c r="G12" s="70">
        <v>206928979</v>
      </c>
      <c r="H12" s="70">
        <v>9816245023</v>
      </c>
      <c r="I12" s="70">
        <v>14505089</v>
      </c>
      <c r="J12" s="70">
        <v>2740377</v>
      </c>
      <c r="K12" s="70">
        <v>620218707</v>
      </c>
      <c r="L12" s="73">
        <v>73600000</v>
      </c>
      <c r="M12" s="74">
        <v>0</v>
      </c>
      <c r="N12" s="68">
        <v>2</v>
      </c>
      <c r="O12" s="82" t="s">
        <v>79</v>
      </c>
      <c r="P12" s="75">
        <v>84216458548</v>
      </c>
      <c r="Q12" s="70">
        <v>16765085153</v>
      </c>
      <c r="R12" s="70">
        <v>1208883</v>
      </c>
      <c r="S12" s="70">
        <v>10930577</v>
      </c>
      <c r="T12" s="70">
        <v>1173041</v>
      </c>
      <c r="U12" s="193">
        <v>0</v>
      </c>
      <c r="V12" s="70">
        <v>481393</v>
      </c>
      <c r="W12" s="70">
        <v>6803535182</v>
      </c>
      <c r="X12" s="70">
        <v>3824826848</v>
      </c>
      <c r="Y12" s="70">
        <v>29656284906</v>
      </c>
      <c r="Z12" s="73">
        <v>18249</v>
      </c>
      <c r="AA12" s="70">
        <v>578883940</v>
      </c>
      <c r="AB12" s="74">
        <v>60216452</v>
      </c>
      <c r="AC12" s="68">
        <v>2</v>
      </c>
      <c r="AD12" s="82" t="s">
        <v>79</v>
      </c>
      <c r="AE12" s="70">
        <v>0</v>
      </c>
      <c r="AF12" s="73">
        <v>875772453</v>
      </c>
      <c r="AG12" s="76">
        <v>145192163988</v>
      </c>
      <c r="AH12" s="71">
        <v>0</v>
      </c>
      <c r="AI12" s="70">
        <v>0</v>
      </c>
      <c r="AJ12" s="70">
        <v>0</v>
      </c>
      <c r="AK12" s="70">
        <v>145192163988</v>
      </c>
      <c r="AL12" s="202">
        <v>11110618</v>
      </c>
      <c r="AM12" s="75">
        <v>1301744383</v>
      </c>
      <c r="AN12" s="70">
        <v>0</v>
      </c>
      <c r="AO12" s="74">
        <v>0</v>
      </c>
      <c r="AP12" s="78">
        <v>2</v>
      </c>
      <c r="AQ12" s="82" t="s">
        <v>79</v>
      </c>
      <c r="AR12" s="70">
        <v>33375539680</v>
      </c>
      <c r="AS12" s="70">
        <v>31413696565</v>
      </c>
      <c r="AT12" s="70">
        <v>0</v>
      </c>
      <c r="AU12" s="79">
        <v>0.94120000000000004</v>
      </c>
      <c r="AV12" s="70">
        <v>4923670504</v>
      </c>
      <c r="AW12" s="70">
        <v>1601253867</v>
      </c>
      <c r="AX12" s="70">
        <v>0</v>
      </c>
      <c r="AY12" s="37">
        <v>0.32519999999999999</v>
      </c>
      <c r="AZ12" s="70">
        <v>0</v>
      </c>
      <c r="BA12" s="70">
        <v>0</v>
      </c>
      <c r="BB12" s="77">
        <v>0</v>
      </c>
      <c r="BC12" s="70">
        <v>0</v>
      </c>
      <c r="BD12" s="70">
        <v>0</v>
      </c>
      <c r="BE12" s="81">
        <v>0</v>
      </c>
    </row>
    <row r="13" spans="1:57" s="3" customFormat="1" ht="15" customHeight="1" x14ac:dyDescent="0.15">
      <c r="A13" s="68">
        <v>3</v>
      </c>
      <c r="B13" s="82" t="s">
        <v>80</v>
      </c>
      <c r="C13" s="70">
        <v>939139226</v>
      </c>
      <c r="D13" s="70">
        <v>28858173439</v>
      </c>
      <c r="E13" s="71">
        <v>372030280</v>
      </c>
      <c r="F13" s="72">
        <v>29230203719</v>
      </c>
      <c r="G13" s="70">
        <v>78931013</v>
      </c>
      <c r="H13" s="70">
        <v>3895482706</v>
      </c>
      <c r="I13" s="70">
        <v>5450783</v>
      </c>
      <c r="J13" s="70">
        <v>18950</v>
      </c>
      <c r="K13" s="70">
        <v>173266590</v>
      </c>
      <c r="L13" s="73">
        <v>32900000</v>
      </c>
      <c r="M13" s="74">
        <v>0</v>
      </c>
      <c r="N13" s="68">
        <v>3</v>
      </c>
      <c r="O13" s="82" t="s">
        <v>80</v>
      </c>
      <c r="P13" s="75">
        <v>33416253761</v>
      </c>
      <c r="Q13" s="70">
        <v>6029585696</v>
      </c>
      <c r="R13" s="70">
        <v>431377</v>
      </c>
      <c r="S13" s="70">
        <v>3960934</v>
      </c>
      <c r="T13" s="70">
        <v>418492</v>
      </c>
      <c r="U13" s="193">
        <v>0</v>
      </c>
      <c r="V13" s="70">
        <v>176872</v>
      </c>
      <c r="W13" s="70">
        <v>2119441451</v>
      </c>
      <c r="X13" s="70">
        <v>1202103072</v>
      </c>
      <c r="Y13" s="70">
        <v>10025116303</v>
      </c>
      <c r="Z13" s="73">
        <v>0</v>
      </c>
      <c r="AA13" s="70">
        <v>277544268</v>
      </c>
      <c r="AB13" s="74">
        <v>7918406</v>
      </c>
      <c r="AC13" s="68">
        <v>3</v>
      </c>
      <c r="AD13" s="82" t="s">
        <v>80</v>
      </c>
      <c r="AE13" s="70">
        <v>0</v>
      </c>
      <c r="AF13" s="73">
        <v>291824402</v>
      </c>
      <c r="AG13" s="76">
        <v>54313914260</v>
      </c>
      <c r="AH13" s="71">
        <v>0</v>
      </c>
      <c r="AI13" s="70">
        <v>0</v>
      </c>
      <c r="AJ13" s="70">
        <v>30000000</v>
      </c>
      <c r="AK13" s="70">
        <v>54343914260</v>
      </c>
      <c r="AL13" s="202">
        <v>1132116232</v>
      </c>
      <c r="AM13" s="75">
        <v>5850058761</v>
      </c>
      <c r="AN13" s="70">
        <v>0</v>
      </c>
      <c r="AO13" s="74">
        <v>0</v>
      </c>
      <c r="AP13" s="78">
        <v>3</v>
      </c>
      <c r="AQ13" s="82" t="s">
        <v>80</v>
      </c>
      <c r="AR13" s="70">
        <v>10067065603</v>
      </c>
      <c r="AS13" s="70">
        <v>9078498900</v>
      </c>
      <c r="AT13" s="70">
        <v>9696365</v>
      </c>
      <c r="AU13" s="79">
        <v>0.90269999999999995</v>
      </c>
      <c r="AV13" s="70">
        <v>2163002766</v>
      </c>
      <c r="AW13" s="70">
        <v>488432342</v>
      </c>
      <c r="AX13" s="70">
        <v>12917235</v>
      </c>
      <c r="AY13" s="37">
        <v>0.22720000000000001</v>
      </c>
      <c r="AZ13" s="70">
        <v>0</v>
      </c>
      <c r="BA13" s="70">
        <v>0</v>
      </c>
      <c r="BB13" s="77">
        <v>0</v>
      </c>
      <c r="BC13" s="70">
        <v>0</v>
      </c>
      <c r="BD13" s="70">
        <v>0</v>
      </c>
      <c r="BE13" s="81">
        <v>0</v>
      </c>
    </row>
    <row r="14" spans="1:57" s="3" customFormat="1" ht="15" customHeight="1" x14ac:dyDescent="0.15">
      <c r="A14" s="68">
        <v>4</v>
      </c>
      <c r="B14" s="82" t="s">
        <v>81</v>
      </c>
      <c r="C14" s="70">
        <v>307600487</v>
      </c>
      <c r="D14" s="70">
        <v>16626371493</v>
      </c>
      <c r="E14" s="71">
        <v>199804767</v>
      </c>
      <c r="F14" s="72">
        <v>16826176260</v>
      </c>
      <c r="G14" s="70">
        <v>42833179</v>
      </c>
      <c r="H14" s="70">
        <v>2264482478</v>
      </c>
      <c r="I14" s="70">
        <v>389717</v>
      </c>
      <c r="J14" s="70">
        <v>197770</v>
      </c>
      <c r="K14" s="70">
        <v>100625512</v>
      </c>
      <c r="L14" s="73">
        <v>21800000</v>
      </c>
      <c r="M14" s="74">
        <v>0</v>
      </c>
      <c r="N14" s="68">
        <v>4</v>
      </c>
      <c r="O14" s="82" t="s">
        <v>81</v>
      </c>
      <c r="P14" s="75">
        <v>19256504916</v>
      </c>
      <c r="Q14" s="70">
        <v>3767908864</v>
      </c>
      <c r="R14" s="70">
        <v>269946</v>
      </c>
      <c r="S14" s="70">
        <v>2471459</v>
      </c>
      <c r="T14" s="70">
        <v>261944</v>
      </c>
      <c r="U14" s="193">
        <v>0</v>
      </c>
      <c r="V14" s="70">
        <v>106469</v>
      </c>
      <c r="W14" s="70">
        <v>1355114567</v>
      </c>
      <c r="X14" s="70">
        <v>706525851</v>
      </c>
      <c r="Y14" s="70">
        <v>6266024901</v>
      </c>
      <c r="Z14" s="73">
        <v>4585</v>
      </c>
      <c r="AA14" s="70">
        <v>127798625</v>
      </c>
      <c r="AB14" s="74">
        <v>69069349</v>
      </c>
      <c r="AC14" s="68">
        <v>4</v>
      </c>
      <c r="AD14" s="82" t="s">
        <v>81</v>
      </c>
      <c r="AE14" s="70">
        <v>0</v>
      </c>
      <c r="AF14" s="73">
        <v>260643281</v>
      </c>
      <c r="AG14" s="76">
        <v>32120305244</v>
      </c>
      <c r="AH14" s="71">
        <v>1170</v>
      </c>
      <c r="AI14" s="70">
        <v>0</v>
      </c>
      <c r="AJ14" s="70">
        <v>0</v>
      </c>
      <c r="AK14" s="70">
        <v>32120306414</v>
      </c>
      <c r="AL14" s="202">
        <v>227399780</v>
      </c>
      <c r="AM14" s="75">
        <v>500000210</v>
      </c>
      <c r="AN14" s="70">
        <v>3921623</v>
      </c>
      <c r="AO14" s="74">
        <v>0</v>
      </c>
      <c r="AP14" s="78">
        <v>4</v>
      </c>
      <c r="AQ14" s="82" t="s">
        <v>81</v>
      </c>
      <c r="AR14" s="70">
        <v>6520605800</v>
      </c>
      <c r="AS14" s="70">
        <v>5831982541</v>
      </c>
      <c r="AT14" s="70">
        <v>0</v>
      </c>
      <c r="AU14" s="79">
        <v>0.89439999999999997</v>
      </c>
      <c r="AV14" s="70">
        <v>2869261785</v>
      </c>
      <c r="AW14" s="70">
        <v>339484560</v>
      </c>
      <c r="AX14" s="70">
        <v>0</v>
      </c>
      <c r="AY14" s="37">
        <v>0.1183</v>
      </c>
      <c r="AZ14" s="70">
        <v>6000</v>
      </c>
      <c r="BA14" s="70">
        <v>18149647</v>
      </c>
      <c r="BB14" s="77">
        <v>18155647</v>
      </c>
      <c r="BC14" s="70">
        <v>0</v>
      </c>
      <c r="BD14" s="70">
        <v>0</v>
      </c>
      <c r="BE14" s="81">
        <v>0</v>
      </c>
    </row>
    <row r="15" spans="1:57" s="3" customFormat="1" ht="15" customHeight="1" x14ac:dyDescent="0.15">
      <c r="A15" s="68">
        <v>5</v>
      </c>
      <c r="B15" s="82" t="s">
        <v>82</v>
      </c>
      <c r="C15" s="70">
        <v>221834201</v>
      </c>
      <c r="D15" s="70">
        <v>10577908307</v>
      </c>
      <c r="E15" s="71">
        <v>145675586</v>
      </c>
      <c r="F15" s="72">
        <v>10723583893</v>
      </c>
      <c r="G15" s="70">
        <v>30871441</v>
      </c>
      <c r="H15" s="70">
        <v>1286345033</v>
      </c>
      <c r="I15" s="70">
        <v>615175</v>
      </c>
      <c r="J15" s="70">
        <v>26570</v>
      </c>
      <c r="K15" s="70">
        <v>57904612</v>
      </c>
      <c r="L15" s="73">
        <v>13200000</v>
      </c>
      <c r="M15" s="74">
        <v>0</v>
      </c>
      <c r="N15" s="68">
        <v>5</v>
      </c>
      <c r="O15" s="82" t="s">
        <v>82</v>
      </c>
      <c r="P15" s="75">
        <v>12112546724</v>
      </c>
      <c r="Q15" s="70">
        <v>2374131194</v>
      </c>
      <c r="R15" s="70">
        <v>172322</v>
      </c>
      <c r="S15" s="70">
        <v>1538260</v>
      </c>
      <c r="T15" s="70">
        <v>167214</v>
      </c>
      <c r="U15" s="193">
        <v>0</v>
      </c>
      <c r="V15" s="70">
        <v>76921</v>
      </c>
      <c r="W15" s="70">
        <v>939722458</v>
      </c>
      <c r="X15" s="70">
        <v>469741104</v>
      </c>
      <c r="Y15" s="70">
        <v>3957166657</v>
      </c>
      <c r="Z15" s="73">
        <v>2583</v>
      </c>
      <c r="AA15" s="70">
        <v>136237540</v>
      </c>
      <c r="AB15" s="74">
        <v>11315884</v>
      </c>
      <c r="AC15" s="68">
        <v>5</v>
      </c>
      <c r="AD15" s="82" t="s">
        <v>82</v>
      </c>
      <c r="AE15" s="70">
        <v>0</v>
      </c>
      <c r="AF15" s="73">
        <v>159001171</v>
      </c>
      <c r="AG15" s="76">
        <v>20383654233</v>
      </c>
      <c r="AH15" s="71">
        <v>3142</v>
      </c>
      <c r="AI15" s="70">
        <v>0</v>
      </c>
      <c r="AJ15" s="70">
        <v>0</v>
      </c>
      <c r="AK15" s="70">
        <v>20383657375</v>
      </c>
      <c r="AL15" s="202">
        <v>249047423</v>
      </c>
      <c r="AM15" s="75">
        <v>722917930</v>
      </c>
      <c r="AN15" s="70">
        <v>1213982</v>
      </c>
      <c r="AO15" s="74">
        <v>0</v>
      </c>
      <c r="AP15" s="78">
        <v>5</v>
      </c>
      <c r="AQ15" s="82" t="s">
        <v>82</v>
      </c>
      <c r="AR15" s="70">
        <v>4450409563</v>
      </c>
      <c r="AS15" s="70">
        <v>4185940899</v>
      </c>
      <c r="AT15" s="70">
        <v>0</v>
      </c>
      <c r="AU15" s="79">
        <v>0.94059999999999999</v>
      </c>
      <c r="AV15" s="70">
        <v>628000100</v>
      </c>
      <c r="AW15" s="70">
        <v>147750006</v>
      </c>
      <c r="AX15" s="70">
        <v>0</v>
      </c>
      <c r="AY15" s="37">
        <v>0.23530000000000001</v>
      </c>
      <c r="AZ15" s="70">
        <v>0</v>
      </c>
      <c r="BA15" s="70">
        <v>0</v>
      </c>
      <c r="BB15" s="77">
        <v>0</v>
      </c>
      <c r="BC15" s="70">
        <v>0</v>
      </c>
      <c r="BD15" s="70">
        <v>0</v>
      </c>
      <c r="BE15" s="81">
        <v>0</v>
      </c>
    </row>
    <row r="16" spans="1:57" s="3" customFormat="1" ht="15" customHeight="1" x14ac:dyDescent="0.15">
      <c r="A16" s="68">
        <v>6</v>
      </c>
      <c r="B16" s="82" t="s">
        <v>83</v>
      </c>
      <c r="C16" s="70">
        <v>526331014</v>
      </c>
      <c r="D16" s="70">
        <v>22845160647</v>
      </c>
      <c r="E16" s="71">
        <v>335774713</v>
      </c>
      <c r="F16" s="72">
        <v>23180935360</v>
      </c>
      <c r="G16" s="70">
        <v>62723125</v>
      </c>
      <c r="H16" s="70">
        <v>2970948814</v>
      </c>
      <c r="I16" s="70">
        <v>1379766</v>
      </c>
      <c r="J16" s="70">
        <v>120150</v>
      </c>
      <c r="K16" s="70">
        <v>167022956</v>
      </c>
      <c r="L16" s="73">
        <v>27000000</v>
      </c>
      <c r="M16" s="74">
        <v>0</v>
      </c>
      <c r="N16" s="68">
        <v>6</v>
      </c>
      <c r="O16" s="82" t="s">
        <v>83</v>
      </c>
      <c r="P16" s="75">
        <v>26410130171</v>
      </c>
      <c r="Q16" s="70">
        <v>5346676205</v>
      </c>
      <c r="R16" s="70">
        <v>351177</v>
      </c>
      <c r="S16" s="70">
        <v>3505800</v>
      </c>
      <c r="T16" s="70">
        <v>371834</v>
      </c>
      <c r="U16" s="193">
        <v>0</v>
      </c>
      <c r="V16" s="70">
        <v>152407</v>
      </c>
      <c r="W16" s="70">
        <v>2057880256</v>
      </c>
      <c r="X16" s="70">
        <v>886209690</v>
      </c>
      <c r="Y16" s="70">
        <v>8753818226</v>
      </c>
      <c r="Z16" s="73">
        <v>6307</v>
      </c>
      <c r="AA16" s="70">
        <v>322631338</v>
      </c>
      <c r="AB16" s="74">
        <v>23046999</v>
      </c>
      <c r="AC16" s="68">
        <v>6</v>
      </c>
      <c r="AD16" s="82" t="s">
        <v>83</v>
      </c>
      <c r="AE16" s="70">
        <v>0</v>
      </c>
      <c r="AF16" s="73">
        <v>331586749</v>
      </c>
      <c r="AG16" s="76">
        <v>44662698173</v>
      </c>
      <c r="AH16" s="71">
        <v>1947</v>
      </c>
      <c r="AI16" s="70">
        <v>0</v>
      </c>
      <c r="AJ16" s="70">
        <v>0</v>
      </c>
      <c r="AK16" s="70">
        <v>44662700120</v>
      </c>
      <c r="AL16" s="202">
        <v>622110558</v>
      </c>
      <c r="AM16" s="75">
        <v>2885930253</v>
      </c>
      <c r="AN16" s="70">
        <v>5653024</v>
      </c>
      <c r="AO16" s="74">
        <v>0</v>
      </c>
      <c r="AP16" s="78">
        <v>6</v>
      </c>
      <c r="AQ16" s="82" t="s">
        <v>83</v>
      </c>
      <c r="AR16" s="70">
        <v>10504539970</v>
      </c>
      <c r="AS16" s="70">
        <v>9577425223</v>
      </c>
      <c r="AT16" s="70">
        <v>2106740</v>
      </c>
      <c r="AU16" s="79">
        <v>0.91190000000000004</v>
      </c>
      <c r="AV16" s="70">
        <v>2917238996</v>
      </c>
      <c r="AW16" s="70">
        <v>542046621</v>
      </c>
      <c r="AX16" s="70">
        <v>4203640</v>
      </c>
      <c r="AY16" s="37">
        <v>0.18609999999999999</v>
      </c>
      <c r="AZ16" s="70">
        <v>0</v>
      </c>
      <c r="BA16" s="70">
        <v>0</v>
      </c>
      <c r="BB16" s="77">
        <v>0</v>
      </c>
      <c r="BC16" s="70">
        <v>0</v>
      </c>
      <c r="BD16" s="70">
        <v>0</v>
      </c>
      <c r="BE16" s="81">
        <v>0</v>
      </c>
    </row>
    <row r="17" spans="1:57" s="3" customFormat="1" ht="15" customHeight="1" x14ac:dyDescent="0.15">
      <c r="A17" s="68">
        <v>7</v>
      </c>
      <c r="B17" s="82" t="s">
        <v>84</v>
      </c>
      <c r="C17" s="70">
        <v>269354052</v>
      </c>
      <c r="D17" s="70">
        <v>12623713173</v>
      </c>
      <c r="E17" s="71">
        <v>138143138</v>
      </c>
      <c r="F17" s="72">
        <v>12761856311</v>
      </c>
      <c r="G17" s="70">
        <v>33088901</v>
      </c>
      <c r="H17" s="70">
        <v>1726859850</v>
      </c>
      <c r="I17" s="70">
        <v>289332</v>
      </c>
      <c r="J17" s="70">
        <v>89990</v>
      </c>
      <c r="K17" s="70">
        <v>69277218</v>
      </c>
      <c r="L17" s="73">
        <v>16950000</v>
      </c>
      <c r="M17" s="74">
        <v>0</v>
      </c>
      <c r="N17" s="68">
        <v>7</v>
      </c>
      <c r="O17" s="82" t="s">
        <v>84</v>
      </c>
      <c r="P17" s="75">
        <v>14608411602</v>
      </c>
      <c r="Q17" s="70">
        <v>2684910998</v>
      </c>
      <c r="R17" s="70">
        <v>196243</v>
      </c>
      <c r="S17" s="70">
        <v>1728041</v>
      </c>
      <c r="T17" s="70">
        <v>190425</v>
      </c>
      <c r="U17" s="193">
        <v>0</v>
      </c>
      <c r="V17" s="70">
        <v>83821</v>
      </c>
      <c r="W17" s="70">
        <v>1012092652</v>
      </c>
      <c r="X17" s="70">
        <v>566972155</v>
      </c>
      <c r="Y17" s="70">
        <v>4737704484</v>
      </c>
      <c r="Z17" s="83">
        <v>3332</v>
      </c>
      <c r="AA17" s="70">
        <v>118984722</v>
      </c>
      <c r="AB17" s="74">
        <v>20611971</v>
      </c>
      <c r="AC17" s="68">
        <v>7</v>
      </c>
      <c r="AD17" s="82" t="s">
        <v>84</v>
      </c>
      <c r="AE17" s="70">
        <v>17615000</v>
      </c>
      <c r="AF17" s="73">
        <v>107762401</v>
      </c>
      <c r="AG17" s="76">
        <v>24146621899</v>
      </c>
      <c r="AH17" s="71">
        <v>2359</v>
      </c>
      <c r="AI17" s="70">
        <v>0</v>
      </c>
      <c r="AJ17" s="70">
        <v>0</v>
      </c>
      <c r="AK17" s="70">
        <v>24146624258</v>
      </c>
      <c r="AL17" s="202">
        <v>266100729</v>
      </c>
      <c r="AM17" s="75">
        <v>825632265</v>
      </c>
      <c r="AN17" s="70">
        <v>165364468</v>
      </c>
      <c r="AO17" s="74">
        <v>0</v>
      </c>
      <c r="AP17" s="78">
        <v>7</v>
      </c>
      <c r="AQ17" s="82" t="s">
        <v>84</v>
      </c>
      <c r="AR17" s="70">
        <v>5023787900</v>
      </c>
      <c r="AS17" s="70">
        <v>4654949637</v>
      </c>
      <c r="AT17" s="70">
        <v>9161400</v>
      </c>
      <c r="AU17" s="79">
        <v>0.92830000000000001</v>
      </c>
      <c r="AV17" s="70">
        <v>1134602181</v>
      </c>
      <c r="AW17" s="70">
        <v>224508986</v>
      </c>
      <c r="AX17" s="70">
        <v>15145800</v>
      </c>
      <c r="AY17" s="37">
        <v>0.2006</v>
      </c>
      <c r="AZ17" s="70">
        <v>0</v>
      </c>
      <c r="BA17" s="70">
        <v>0</v>
      </c>
      <c r="BB17" s="77">
        <v>0</v>
      </c>
      <c r="BC17" s="70">
        <v>0</v>
      </c>
      <c r="BD17" s="70">
        <v>0</v>
      </c>
      <c r="BE17" s="81">
        <v>0</v>
      </c>
    </row>
    <row r="18" spans="1:57" s="3" customFormat="1" ht="15" customHeight="1" x14ac:dyDescent="0.15">
      <c r="A18" s="68">
        <v>8</v>
      </c>
      <c r="B18" s="82" t="s">
        <v>85</v>
      </c>
      <c r="C18" s="70">
        <v>311678513</v>
      </c>
      <c r="D18" s="70">
        <v>13497505934</v>
      </c>
      <c r="E18" s="71">
        <v>243440659</v>
      </c>
      <c r="F18" s="72">
        <v>13740946593</v>
      </c>
      <c r="G18" s="70">
        <v>40113405</v>
      </c>
      <c r="H18" s="70">
        <v>1705446411</v>
      </c>
      <c r="I18" s="70">
        <v>2298767</v>
      </c>
      <c r="J18" s="70">
        <v>23833</v>
      </c>
      <c r="K18" s="70">
        <v>90288870</v>
      </c>
      <c r="L18" s="73">
        <v>16700000</v>
      </c>
      <c r="M18" s="74">
        <v>0</v>
      </c>
      <c r="N18" s="68">
        <v>8</v>
      </c>
      <c r="O18" s="82" t="s">
        <v>85</v>
      </c>
      <c r="P18" s="75">
        <v>15595817879</v>
      </c>
      <c r="Q18" s="70">
        <v>3191394350</v>
      </c>
      <c r="R18" s="70">
        <v>230307</v>
      </c>
      <c r="S18" s="70">
        <v>2079159</v>
      </c>
      <c r="T18" s="70">
        <v>223480</v>
      </c>
      <c r="U18" s="193">
        <v>0</v>
      </c>
      <c r="V18" s="70">
        <v>91751</v>
      </c>
      <c r="W18" s="70">
        <v>1211868123</v>
      </c>
      <c r="X18" s="70">
        <v>516588653</v>
      </c>
      <c r="Y18" s="70">
        <v>5114246016</v>
      </c>
      <c r="Z18" s="73">
        <v>4004</v>
      </c>
      <c r="AA18" s="70">
        <v>177055179</v>
      </c>
      <c r="AB18" s="74">
        <v>8238817</v>
      </c>
      <c r="AC18" s="68">
        <v>8</v>
      </c>
      <c r="AD18" s="82" t="s">
        <v>85</v>
      </c>
      <c r="AE18" s="70">
        <v>21020000</v>
      </c>
      <c r="AF18" s="73">
        <v>56835605</v>
      </c>
      <c r="AG18" s="76">
        <v>26207371836</v>
      </c>
      <c r="AH18" s="71">
        <v>153729876</v>
      </c>
      <c r="AI18" s="70">
        <v>0</v>
      </c>
      <c r="AJ18" s="70">
        <v>0</v>
      </c>
      <c r="AK18" s="70">
        <v>26361101712</v>
      </c>
      <c r="AL18" s="202">
        <v>117555947</v>
      </c>
      <c r="AM18" s="75">
        <v>662277271</v>
      </c>
      <c r="AN18" s="70">
        <v>638982273</v>
      </c>
      <c r="AO18" s="74">
        <v>0</v>
      </c>
      <c r="AP18" s="78">
        <v>8</v>
      </c>
      <c r="AQ18" s="82" t="s">
        <v>85</v>
      </c>
      <c r="AR18" s="70">
        <v>6015203760</v>
      </c>
      <c r="AS18" s="70">
        <v>5545168017</v>
      </c>
      <c r="AT18" s="70">
        <v>0</v>
      </c>
      <c r="AU18" s="79">
        <v>0.92190000000000005</v>
      </c>
      <c r="AV18" s="70">
        <v>1119473390</v>
      </c>
      <c r="AW18" s="70">
        <v>241063484</v>
      </c>
      <c r="AX18" s="70">
        <v>0</v>
      </c>
      <c r="AY18" s="37">
        <v>0.21529999999999999</v>
      </c>
      <c r="AZ18" s="70">
        <v>1914021</v>
      </c>
      <c r="BA18" s="70">
        <v>0</v>
      </c>
      <c r="BB18" s="77">
        <v>1914021</v>
      </c>
      <c r="BC18" s="70">
        <v>0</v>
      </c>
      <c r="BD18" s="70">
        <v>0</v>
      </c>
      <c r="BE18" s="81">
        <v>0</v>
      </c>
    </row>
    <row r="19" spans="1:57" s="3" customFormat="1" ht="15" customHeight="1" x14ac:dyDescent="0.15">
      <c r="A19" s="68">
        <v>9</v>
      </c>
      <c r="B19" s="82" t="s">
        <v>86</v>
      </c>
      <c r="C19" s="70">
        <v>93130461</v>
      </c>
      <c r="D19" s="70">
        <v>3935324316</v>
      </c>
      <c r="E19" s="71">
        <v>63374270</v>
      </c>
      <c r="F19" s="72">
        <v>3998698586</v>
      </c>
      <c r="G19" s="70">
        <v>11054607</v>
      </c>
      <c r="H19" s="70">
        <v>512538927</v>
      </c>
      <c r="I19" s="70">
        <v>420254</v>
      </c>
      <c r="J19" s="70">
        <v>0</v>
      </c>
      <c r="K19" s="70">
        <v>18408040</v>
      </c>
      <c r="L19" s="73">
        <v>4700000</v>
      </c>
      <c r="M19" s="74">
        <v>0</v>
      </c>
      <c r="N19" s="68">
        <v>9</v>
      </c>
      <c r="O19" s="82" t="s">
        <v>86</v>
      </c>
      <c r="P19" s="75">
        <v>4545820414</v>
      </c>
      <c r="Q19" s="70">
        <v>840477331</v>
      </c>
      <c r="R19" s="70">
        <v>60118</v>
      </c>
      <c r="S19" s="70">
        <v>552101</v>
      </c>
      <c r="T19" s="70">
        <v>58337</v>
      </c>
      <c r="U19" s="193">
        <v>0</v>
      </c>
      <c r="V19" s="70">
        <v>26727</v>
      </c>
      <c r="W19" s="70">
        <v>317793672</v>
      </c>
      <c r="X19" s="70">
        <v>149371464</v>
      </c>
      <c r="Y19" s="70">
        <v>1411389257</v>
      </c>
      <c r="Z19" s="73">
        <v>861</v>
      </c>
      <c r="AA19" s="70">
        <v>43060141</v>
      </c>
      <c r="AB19" s="74">
        <v>4208012</v>
      </c>
      <c r="AC19" s="68">
        <v>9</v>
      </c>
      <c r="AD19" s="82" t="s">
        <v>86</v>
      </c>
      <c r="AE19" s="70">
        <v>0</v>
      </c>
      <c r="AF19" s="73">
        <v>36865410</v>
      </c>
      <c r="AG19" s="76">
        <v>7442814306</v>
      </c>
      <c r="AH19" s="71">
        <v>0</v>
      </c>
      <c r="AI19" s="70">
        <v>0</v>
      </c>
      <c r="AJ19" s="70">
        <v>0</v>
      </c>
      <c r="AK19" s="70">
        <v>7442814306</v>
      </c>
      <c r="AL19" s="202">
        <v>78739841</v>
      </c>
      <c r="AM19" s="75">
        <v>276439374</v>
      </c>
      <c r="AN19" s="70">
        <v>31650262</v>
      </c>
      <c r="AO19" s="74">
        <v>0</v>
      </c>
      <c r="AP19" s="68">
        <v>9</v>
      </c>
      <c r="AQ19" s="82" t="s">
        <v>86</v>
      </c>
      <c r="AR19" s="70">
        <v>1497005200</v>
      </c>
      <c r="AS19" s="70">
        <v>1381036400</v>
      </c>
      <c r="AT19" s="70">
        <v>0</v>
      </c>
      <c r="AU19" s="79">
        <v>0.92249999999999999</v>
      </c>
      <c r="AV19" s="70">
        <v>319027414</v>
      </c>
      <c r="AW19" s="70">
        <v>56048300</v>
      </c>
      <c r="AX19" s="70">
        <v>0</v>
      </c>
      <c r="AY19" s="37">
        <v>0.1757</v>
      </c>
      <c r="AZ19" s="70">
        <v>0</v>
      </c>
      <c r="BA19" s="70">
        <v>0</v>
      </c>
      <c r="BB19" s="77">
        <v>0</v>
      </c>
      <c r="BC19" s="70">
        <v>0</v>
      </c>
      <c r="BD19" s="70">
        <v>0</v>
      </c>
      <c r="BE19" s="81">
        <v>0</v>
      </c>
    </row>
    <row r="20" spans="1:57" s="3" customFormat="1" ht="15" customHeight="1" x14ac:dyDescent="0.15">
      <c r="A20" s="68">
        <v>10</v>
      </c>
      <c r="B20" s="82" t="s">
        <v>87</v>
      </c>
      <c r="C20" s="70">
        <v>812771522</v>
      </c>
      <c r="D20" s="70">
        <v>43979386258</v>
      </c>
      <c r="E20" s="71">
        <v>664798923</v>
      </c>
      <c r="F20" s="72">
        <v>44644185181</v>
      </c>
      <c r="G20" s="70">
        <v>122808388</v>
      </c>
      <c r="H20" s="70">
        <v>6021434701</v>
      </c>
      <c r="I20" s="70">
        <v>2408440</v>
      </c>
      <c r="J20" s="70">
        <v>2442149</v>
      </c>
      <c r="K20" s="70">
        <v>275830203</v>
      </c>
      <c r="L20" s="73">
        <v>50300000</v>
      </c>
      <c r="M20" s="74">
        <v>0</v>
      </c>
      <c r="N20" s="68">
        <v>10</v>
      </c>
      <c r="O20" s="82" t="s">
        <v>87</v>
      </c>
      <c r="P20" s="75">
        <v>51119409062</v>
      </c>
      <c r="Q20" s="70">
        <v>10434027778</v>
      </c>
      <c r="R20" s="70">
        <v>745056</v>
      </c>
      <c r="S20" s="70">
        <v>6864998</v>
      </c>
      <c r="T20" s="70">
        <v>722967</v>
      </c>
      <c r="U20" s="193">
        <v>0</v>
      </c>
      <c r="V20" s="70">
        <v>273671</v>
      </c>
      <c r="W20" s="70">
        <v>3657658563</v>
      </c>
      <c r="X20" s="70">
        <v>1896580875</v>
      </c>
      <c r="Y20" s="70">
        <v>17337169264</v>
      </c>
      <c r="Z20" s="73">
        <v>11627</v>
      </c>
      <c r="AA20" s="70">
        <v>640678247</v>
      </c>
      <c r="AB20" s="74">
        <v>6772187</v>
      </c>
      <c r="AC20" s="68">
        <v>10</v>
      </c>
      <c r="AD20" s="82" t="s">
        <v>87</v>
      </c>
      <c r="AE20" s="70">
        <v>8311000</v>
      </c>
      <c r="AF20" s="73">
        <v>337900256</v>
      </c>
      <c r="AG20" s="76">
        <v>86259897073</v>
      </c>
      <c r="AH20" s="71">
        <v>0</v>
      </c>
      <c r="AI20" s="70">
        <v>0</v>
      </c>
      <c r="AJ20" s="70">
        <v>0</v>
      </c>
      <c r="AK20" s="70">
        <v>86259897073</v>
      </c>
      <c r="AL20" s="202">
        <v>540004434</v>
      </c>
      <c r="AM20" s="75">
        <v>2043941269</v>
      </c>
      <c r="AN20" s="70">
        <v>0</v>
      </c>
      <c r="AO20" s="74">
        <v>0</v>
      </c>
      <c r="AP20" s="68">
        <v>10</v>
      </c>
      <c r="AQ20" s="82" t="s">
        <v>87</v>
      </c>
      <c r="AR20" s="70">
        <v>17785521600</v>
      </c>
      <c r="AS20" s="70">
        <v>15804516601</v>
      </c>
      <c r="AT20" s="70">
        <v>0</v>
      </c>
      <c r="AU20" s="79">
        <v>0.88859999999999995</v>
      </c>
      <c r="AV20" s="70">
        <v>8716753740</v>
      </c>
      <c r="AW20" s="70">
        <v>1184866606</v>
      </c>
      <c r="AX20" s="70">
        <v>0</v>
      </c>
      <c r="AY20" s="37">
        <v>0.13589999999999999</v>
      </c>
      <c r="AZ20" s="70">
        <v>0</v>
      </c>
      <c r="BA20" s="70">
        <v>0</v>
      </c>
      <c r="BB20" s="77">
        <v>0</v>
      </c>
      <c r="BC20" s="70">
        <v>0</v>
      </c>
      <c r="BD20" s="70">
        <v>0</v>
      </c>
      <c r="BE20" s="81">
        <v>0</v>
      </c>
    </row>
    <row r="21" spans="1:57" s="3" customFormat="1" ht="15" customHeight="1" x14ac:dyDescent="0.15">
      <c r="A21" s="68">
        <v>11</v>
      </c>
      <c r="B21" s="82" t="s">
        <v>88</v>
      </c>
      <c r="C21" s="70">
        <v>78037911</v>
      </c>
      <c r="D21" s="70">
        <v>3865925841</v>
      </c>
      <c r="E21" s="71">
        <v>50578533</v>
      </c>
      <c r="F21" s="72">
        <v>3916504374</v>
      </c>
      <c r="G21" s="70">
        <v>10350151</v>
      </c>
      <c r="H21" s="70">
        <v>503226218</v>
      </c>
      <c r="I21" s="70">
        <v>133760</v>
      </c>
      <c r="J21" s="70">
        <v>4368</v>
      </c>
      <c r="K21" s="70">
        <v>20799744</v>
      </c>
      <c r="L21" s="73">
        <v>4100000</v>
      </c>
      <c r="M21" s="74">
        <v>0</v>
      </c>
      <c r="N21" s="68">
        <v>11</v>
      </c>
      <c r="O21" s="82" t="s">
        <v>88</v>
      </c>
      <c r="P21" s="75">
        <v>4455118615</v>
      </c>
      <c r="Q21" s="70">
        <v>848601779</v>
      </c>
      <c r="R21" s="70">
        <v>62187</v>
      </c>
      <c r="S21" s="70">
        <v>544793</v>
      </c>
      <c r="T21" s="70">
        <v>60344</v>
      </c>
      <c r="U21" s="193">
        <v>0</v>
      </c>
      <c r="V21" s="70">
        <v>26866</v>
      </c>
      <c r="W21" s="70">
        <v>343017571</v>
      </c>
      <c r="X21" s="70">
        <v>174555845</v>
      </c>
      <c r="Y21" s="70">
        <v>1472824482</v>
      </c>
      <c r="Z21" s="73">
        <v>889</v>
      </c>
      <c r="AA21" s="70">
        <v>22117438</v>
      </c>
      <c r="AB21" s="74">
        <v>23917683</v>
      </c>
      <c r="AC21" s="68">
        <v>11</v>
      </c>
      <c r="AD21" s="82" t="s">
        <v>88</v>
      </c>
      <c r="AE21" s="70">
        <v>0</v>
      </c>
      <c r="AF21" s="73">
        <v>83945736</v>
      </c>
      <c r="AG21" s="76">
        <v>7502832139</v>
      </c>
      <c r="AH21" s="71">
        <v>1915</v>
      </c>
      <c r="AI21" s="70">
        <v>0</v>
      </c>
      <c r="AJ21" s="70">
        <v>0</v>
      </c>
      <c r="AK21" s="70">
        <v>7502834054</v>
      </c>
      <c r="AL21" s="202">
        <v>91057629</v>
      </c>
      <c r="AM21" s="75">
        <v>92133428</v>
      </c>
      <c r="AN21" s="70">
        <v>96837806</v>
      </c>
      <c r="AO21" s="74">
        <v>0</v>
      </c>
      <c r="AP21" s="68">
        <v>11</v>
      </c>
      <c r="AQ21" s="82" t="s">
        <v>88</v>
      </c>
      <c r="AR21" s="70">
        <v>1710665100</v>
      </c>
      <c r="AS21" s="70">
        <v>1546108879</v>
      </c>
      <c r="AT21" s="70">
        <v>0</v>
      </c>
      <c r="AU21" s="79">
        <v>0.90380000000000005</v>
      </c>
      <c r="AV21" s="70">
        <v>529168970</v>
      </c>
      <c r="AW21" s="70">
        <v>126772550</v>
      </c>
      <c r="AX21" s="70">
        <v>0</v>
      </c>
      <c r="AY21" s="37">
        <v>0.23960000000000001</v>
      </c>
      <c r="AZ21" s="70">
        <v>0</v>
      </c>
      <c r="BA21" s="70">
        <v>0</v>
      </c>
      <c r="BB21" s="77">
        <v>0</v>
      </c>
      <c r="BC21" s="70">
        <v>0</v>
      </c>
      <c r="BD21" s="70">
        <v>0</v>
      </c>
      <c r="BE21" s="81">
        <v>0</v>
      </c>
    </row>
    <row r="22" spans="1:57" s="3" customFormat="1" ht="15" customHeight="1" x14ac:dyDescent="0.15">
      <c r="A22" s="68">
        <v>12</v>
      </c>
      <c r="B22" s="82" t="s">
        <v>89</v>
      </c>
      <c r="C22" s="70">
        <v>255585021</v>
      </c>
      <c r="D22" s="70">
        <v>10749893685</v>
      </c>
      <c r="E22" s="71">
        <v>112648902</v>
      </c>
      <c r="F22" s="72">
        <v>10862542587</v>
      </c>
      <c r="G22" s="70">
        <v>27397916</v>
      </c>
      <c r="H22" s="70">
        <v>1480494807</v>
      </c>
      <c r="I22" s="70">
        <v>359034</v>
      </c>
      <c r="J22" s="70">
        <v>146649</v>
      </c>
      <c r="K22" s="70">
        <v>67481582</v>
      </c>
      <c r="L22" s="73">
        <v>13400000</v>
      </c>
      <c r="M22" s="74">
        <v>0</v>
      </c>
      <c r="N22" s="68">
        <v>12</v>
      </c>
      <c r="O22" s="82" t="s">
        <v>89</v>
      </c>
      <c r="P22" s="75">
        <v>12451822575</v>
      </c>
      <c r="Q22" s="70">
        <v>2466346589</v>
      </c>
      <c r="R22" s="70">
        <v>173642</v>
      </c>
      <c r="S22" s="70">
        <v>1643730</v>
      </c>
      <c r="T22" s="70">
        <v>168495</v>
      </c>
      <c r="U22" s="193">
        <v>0</v>
      </c>
      <c r="V22" s="70">
        <v>63019</v>
      </c>
      <c r="W22" s="70">
        <v>868367527</v>
      </c>
      <c r="X22" s="70">
        <v>433936006</v>
      </c>
      <c r="Y22" s="70">
        <v>3784181144</v>
      </c>
      <c r="Z22" s="73">
        <v>3332</v>
      </c>
      <c r="AA22" s="70">
        <v>96194309</v>
      </c>
      <c r="AB22" s="74">
        <v>75949350</v>
      </c>
      <c r="AC22" s="68">
        <v>12</v>
      </c>
      <c r="AD22" s="82" t="s">
        <v>89</v>
      </c>
      <c r="AE22" s="70">
        <v>0</v>
      </c>
      <c r="AF22" s="73">
        <v>47738670</v>
      </c>
      <c r="AG22" s="76">
        <v>20482173409</v>
      </c>
      <c r="AH22" s="71">
        <v>7432</v>
      </c>
      <c r="AI22" s="70">
        <v>0</v>
      </c>
      <c r="AJ22" s="70">
        <v>0</v>
      </c>
      <c r="AK22" s="70">
        <v>20482180841</v>
      </c>
      <c r="AL22" s="202">
        <v>-58544910</v>
      </c>
      <c r="AM22" s="75">
        <v>225157313</v>
      </c>
      <c r="AN22" s="70">
        <v>8172109</v>
      </c>
      <c r="AO22" s="74">
        <v>0</v>
      </c>
      <c r="AP22" s="68">
        <v>12</v>
      </c>
      <c r="AQ22" s="82" t="s">
        <v>89</v>
      </c>
      <c r="AR22" s="70">
        <v>3922810297</v>
      </c>
      <c r="AS22" s="70">
        <v>3585488201</v>
      </c>
      <c r="AT22" s="70">
        <v>3303000</v>
      </c>
      <c r="AU22" s="79">
        <v>0.91479999999999995</v>
      </c>
      <c r="AV22" s="70">
        <v>1374595141</v>
      </c>
      <c r="AW22" s="70">
        <v>211216537</v>
      </c>
      <c r="AX22" s="70">
        <v>0</v>
      </c>
      <c r="AY22" s="37">
        <v>0.1537</v>
      </c>
      <c r="AZ22" s="70">
        <v>0</v>
      </c>
      <c r="BA22" s="70">
        <v>0</v>
      </c>
      <c r="BB22" s="77">
        <v>0</v>
      </c>
      <c r="BC22" s="70">
        <v>0</v>
      </c>
      <c r="BD22" s="70">
        <v>0</v>
      </c>
      <c r="BE22" s="81">
        <v>0</v>
      </c>
    </row>
    <row r="23" spans="1:57" s="3" customFormat="1" ht="15" customHeight="1" x14ac:dyDescent="0.15">
      <c r="A23" s="68">
        <v>13</v>
      </c>
      <c r="B23" s="82" t="s">
        <v>90</v>
      </c>
      <c r="C23" s="70">
        <v>295001763</v>
      </c>
      <c r="D23" s="70">
        <v>14310128879</v>
      </c>
      <c r="E23" s="71">
        <v>163727625</v>
      </c>
      <c r="F23" s="72">
        <v>14473856504</v>
      </c>
      <c r="G23" s="70">
        <v>36740094</v>
      </c>
      <c r="H23" s="70">
        <v>1955671351</v>
      </c>
      <c r="I23" s="70">
        <v>774053</v>
      </c>
      <c r="J23" s="70">
        <v>0</v>
      </c>
      <c r="K23" s="70">
        <v>114196115</v>
      </c>
      <c r="L23" s="73">
        <v>17700000</v>
      </c>
      <c r="M23" s="74">
        <v>0</v>
      </c>
      <c r="N23" s="68">
        <v>13</v>
      </c>
      <c r="O23" s="82" t="s">
        <v>90</v>
      </c>
      <c r="P23" s="75">
        <v>16598938117</v>
      </c>
      <c r="Q23" s="70">
        <v>3343292405</v>
      </c>
      <c r="R23" s="70">
        <v>238370</v>
      </c>
      <c r="S23" s="70">
        <v>2202781</v>
      </c>
      <c r="T23" s="70">
        <v>231302</v>
      </c>
      <c r="U23" s="193">
        <v>0</v>
      </c>
      <c r="V23" s="70">
        <v>85287</v>
      </c>
      <c r="W23" s="70">
        <v>1208467881</v>
      </c>
      <c r="X23" s="70">
        <v>626346301</v>
      </c>
      <c r="Y23" s="70">
        <v>5478711602</v>
      </c>
      <c r="Z23" s="73">
        <v>3773</v>
      </c>
      <c r="AA23" s="70">
        <v>136594855</v>
      </c>
      <c r="AB23" s="74">
        <v>65055372</v>
      </c>
      <c r="AC23" s="68">
        <v>13</v>
      </c>
      <c r="AD23" s="82" t="s">
        <v>90</v>
      </c>
      <c r="AE23" s="70">
        <v>0</v>
      </c>
      <c r="AF23" s="73">
        <v>152220412</v>
      </c>
      <c r="AG23" s="76">
        <v>27907390221</v>
      </c>
      <c r="AH23" s="71">
        <v>150381619</v>
      </c>
      <c r="AI23" s="70">
        <v>0</v>
      </c>
      <c r="AJ23" s="70">
        <v>0</v>
      </c>
      <c r="AK23" s="70">
        <v>28057771840</v>
      </c>
      <c r="AL23" s="202">
        <v>48525357</v>
      </c>
      <c r="AM23" s="75">
        <v>378823502</v>
      </c>
      <c r="AN23" s="70">
        <v>622291532</v>
      </c>
      <c r="AO23" s="74">
        <v>0</v>
      </c>
      <c r="AP23" s="68">
        <v>13</v>
      </c>
      <c r="AQ23" s="82" t="s">
        <v>90</v>
      </c>
      <c r="AR23" s="70">
        <v>6144846500</v>
      </c>
      <c r="AS23" s="70">
        <v>5543028232</v>
      </c>
      <c r="AT23" s="70">
        <v>0</v>
      </c>
      <c r="AU23" s="79">
        <v>0.90210000000000001</v>
      </c>
      <c r="AV23" s="70">
        <v>1343420755</v>
      </c>
      <c r="AW23" s="70">
        <v>302527437</v>
      </c>
      <c r="AX23" s="70">
        <v>0</v>
      </c>
      <c r="AY23" s="37">
        <v>0.22520000000000001</v>
      </c>
      <c r="AZ23" s="70">
        <v>0</v>
      </c>
      <c r="BA23" s="70">
        <v>0</v>
      </c>
      <c r="BB23" s="77">
        <v>0</v>
      </c>
      <c r="BC23" s="70">
        <v>0</v>
      </c>
      <c r="BD23" s="70">
        <v>0</v>
      </c>
      <c r="BE23" s="81">
        <v>0</v>
      </c>
    </row>
    <row r="24" spans="1:57" s="3" customFormat="1" ht="15" customHeight="1" x14ac:dyDescent="0.15">
      <c r="A24" s="68">
        <v>14</v>
      </c>
      <c r="B24" s="82" t="s">
        <v>91</v>
      </c>
      <c r="C24" s="70">
        <v>221645817</v>
      </c>
      <c r="D24" s="70">
        <v>13762064000</v>
      </c>
      <c r="E24" s="71">
        <v>206645215</v>
      </c>
      <c r="F24" s="72">
        <v>13968709215</v>
      </c>
      <c r="G24" s="70">
        <v>36120932</v>
      </c>
      <c r="H24" s="70">
        <v>1953201549</v>
      </c>
      <c r="I24" s="70">
        <v>842780</v>
      </c>
      <c r="J24" s="70">
        <v>27000</v>
      </c>
      <c r="K24" s="70">
        <v>117174785</v>
      </c>
      <c r="L24" s="73">
        <v>15200000</v>
      </c>
      <c r="M24" s="74">
        <v>0</v>
      </c>
      <c r="N24" s="68">
        <v>14</v>
      </c>
      <c r="O24" s="82" t="s">
        <v>91</v>
      </c>
      <c r="P24" s="75">
        <v>16091276261</v>
      </c>
      <c r="Q24" s="70">
        <v>3282816291</v>
      </c>
      <c r="R24" s="70">
        <v>237685</v>
      </c>
      <c r="S24" s="70">
        <v>2132078</v>
      </c>
      <c r="T24" s="70">
        <v>230638</v>
      </c>
      <c r="U24" s="193">
        <v>0</v>
      </c>
      <c r="V24" s="70">
        <v>89831</v>
      </c>
      <c r="W24" s="70">
        <v>1244312662</v>
      </c>
      <c r="X24" s="70">
        <v>640823542</v>
      </c>
      <c r="Y24" s="70">
        <v>5547929573</v>
      </c>
      <c r="Z24" s="83">
        <v>3430</v>
      </c>
      <c r="AA24" s="70">
        <v>253855646</v>
      </c>
      <c r="AB24" s="74">
        <v>16162779</v>
      </c>
      <c r="AC24" s="68">
        <v>14</v>
      </c>
      <c r="AD24" s="82" t="s">
        <v>91</v>
      </c>
      <c r="AE24" s="70">
        <v>20000000</v>
      </c>
      <c r="AF24" s="73">
        <v>168857813</v>
      </c>
      <c r="AG24" s="76">
        <v>27490374046</v>
      </c>
      <c r="AH24" s="71">
        <v>92967</v>
      </c>
      <c r="AI24" s="70">
        <v>0</v>
      </c>
      <c r="AJ24" s="70">
        <v>0</v>
      </c>
      <c r="AK24" s="70">
        <v>27490467013</v>
      </c>
      <c r="AL24" s="202">
        <v>5695752</v>
      </c>
      <c r="AM24" s="75">
        <v>1004065244</v>
      </c>
      <c r="AN24" s="70">
        <v>182370029</v>
      </c>
      <c r="AO24" s="74">
        <v>0</v>
      </c>
      <c r="AP24" s="68">
        <v>14</v>
      </c>
      <c r="AQ24" s="82" t="s">
        <v>91</v>
      </c>
      <c r="AR24" s="70">
        <v>5754443800</v>
      </c>
      <c r="AS24" s="70">
        <v>5128873853</v>
      </c>
      <c r="AT24" s="70">
        <v>0</v>
      </c>
      <c r="AU24" s="79">
        <v>0.89129999999999998</v>
      </c>
      <c r="AV24" s="70">
        <v>2811883862</v>
      </c>
      <c r="AW24" s="70">
        <v>557423585</v>
      </c>
      <c r="AX24" s="70">
        <v>0</v>
      </c>
      <c r="AY24" s="37">
        <v>0.19819999999999999</v>
      </c>
      <c r="AZ24" s="70">
        <v>0</v>
      </c>
      <c r="BA24" s="70">
        <v>0</v>
      </c>
      <c r="BB24" s="77">
        <v>0</v>
      </c>
      <c r="BC24" s="70">
        <v>0</v>
      </c>
      <c r="BD24" s="70">
        <v>0</v>
      </c>
      <c r="BE24" s="81">
        <v>0</v>
      </c>
    </row>
    <row r="25" spans="1:57" s="3" customFormat="1" ht="15" customHeight="1" x14ac:dyDescent="0.15">
      <c r="A25" s="68">
        <v>15</v>
      </c>
      <c r="B25" s="82" t="s">
        <v>92</v>
      </c>
      <c r="C25" s="70">
        <v>145270604</v>
      </c>
      <c r="D25" s="70">
        <v>6143529986</v>
      </c>
      <c r="E25" s="71">
        <v>81075336</v>
      </c>
      <c r="F25" s="72">
        <v>6224605322</v>
      </c>
      <c r="G25" s="70">
        <v>14955574</v>
      </c>
      <c r="H25" s="70">
        <v>878321330</v>
      </c>
      <c r="I25" s="70">
        <v>264208</v>
      </c>
      <c r="J25" s="70">
        <v>60472</v>
      </c>
      <c r="K25" s="70">
        <v>44924000</v>
      </c>
      <c r="L25" s="73">
        <v>7650000</v>
      </c>
      <c r="M25" s="74">
        <v>0</v>
      </c>
      <c r="N25" s="68">
        <v>15</v>
      </c>
      <c r="O25" s="82" t="s">
        <v>92</v>
      </c>
      <c r="P25" s="75">
        <v>7170780906</v>
      </c>
      <c r="Q25" s="70">
        <v>1373538185</v>
      </c>
      <c r="R25" s="70">
        <v>97772</v>
      </c>
      <c r="S25" s="70">
        <v>906322</v>
      </c>
      <c r="T25" s="70">
        <v>94873</v>
      </c>
      <c r="U25" s="193">
        <v>0</v>
      </c>
      <c r="V25" s="70">
        <v>37478</v>
      </c>
      <c r="W25" s="70">
        <v>503861908</v>
      </c>
      <c r="X25" s="70">
        <v>227051926</v>
      </c>
      <c r="Y25" s="70">
        <v>2167957227</v>
      </c>
      <c r="Z25" s="73">
        <v>0</v>
      </c>
      <c r="AA25" s="70">
        <v>84791676</v>
      </c>
      <c r="AB25" s="74">
        <v>22436164</v>
      </c>
      <c r="AC25" s="68">
        <v>15</v>
      </c>
      <c r="AD25" s="82" t="s">
        <v>92</v>
      </c>
      <c r="AE25" s="70">
        <v>0</v>
      </c>
      <c r="AF25" s="73">
        <v>89131270</v>
      </c>
      <c r="AG25" s="76">
        <v>11785956311</v>
      </c>
      <c r="AH25" s="71">
        <v>205137592</v>
      </c>
      <c r="AI25" s="70">
        <v>0</v>
      </c>
      <c r="AJ25" s="70">
        <v>0</v>
      </c>
      <c r="AK25" s="70">
        <v>11991093903</v>
      </c>
      <c r="AL25" s="202">
        <v>354155147</v>
      </c>
      <c r="AM25" s="75">
        <v>761928491</v>
      </c>
      <c r="AN25" s="70">
        <v>336006776</v>
      </c>
      <c r="AO25" s="74">
        <v>0</v>
      </c>
      <c r="AP25" s="68">
        <v>15</v>
      </c>
      <c r="AQ25" s="82" t="s">
        <v>92</v>
      </c>
      <c r="AR25" s="70">
        <v>2418726300</v>
      </c>
      <c r="AS25" s="70">
        <v>2205524759</v>
      </c>
      <c r="AT25" s="70">
        <v>0</v>
      </c>
      <c r="AU25" s="79">
        <v>0.91190000000000004</v>
      </c>
      <c r="AV25" s="70">
        <v>1102445442</v>
      </c>
      <c r="AW25" s="70">
        <v>242414927</v>
      </c>
      <c r="AX25" s="70">
        <v>0</v>
      </c>
      <c r="AY25" s="37">
        <v>0.21990000000000001</v>
      </c>
      <c r="AZ25" s="70">
        <v>0</v>
      </c>
      <c r="BA25" s="70">
        <v>0</v>
      </c>
      <c r="BB25" s="77">
        <v>0</v>
      </c>
      <c r="BC25" s="70">
        <v>0</v>
      </c>
      <c r="BD25" s="70">
        <v>0</v>
      </c>
      <c r="BE25" s="81">
        <v>0</v>
      </c>
    </row>
    <row r="26" spans="1:57" s="3" customFormat="1" ht="15" customHeight="1" x14ac:dyDescent="0.15">
      <c r="A26" s="68">
        <v>16</v>
      </c>
      <c r="B26" s="82" t="s">
        <v>93</v>
      </c>
      <c r="C26" s="70">
        <v>164683953</v>
      </c>
      <c r="D26" s="70">
        <v>7360721810</v>
      </c>
      <c r="E26" s="71">
        <v>83274633</v>
      </c>
      <c r="F26" s="72">
        <v>7443996443</v>
      </c>
      <c r="G26" s="70">
        <v>18337858</v>
      </c>
      <c r="H26" s="70">
        <v>1007285939</v>
      </c>
      <c r="I26" s="70">
        <v>1166348</v>
      </c>
      <c r="J26" s="70">
        <v>102200</v>
      </c>
      <c r="K26" s="70">
        <v>50724000</v>
      </c>
      <c r="L26" s="73">
        <v>8800000</v>
      </c>
      <c r="M26" s="74">
        <v>0</v>
      </c>
      <c r="N26" s="68">
        <v>16</v>
      </c>
      <c r="O26" s="82" t="s">
        <v>93</v>
      </c>
      <c r="P26" s="75">
        <v>8530412788</v>
      </c>
      <c r="Q26" s="70">
        <v>1819809712</v>
      </c>
      <c r="R26" s="70">
        <v>128174</v>
      </c>
      <c r="S26" s="70">
        <v>1212649</v>
      </c>
      <c r="T26" s="70">
        <v>124347</v>
      </c>
      <c r="U26" s="193">
        <v>0</v>
      </c>
      <c r="V26" s="70">
        <v>45602</v>
      </c>
      <c r="W26" s="70">
        <v>669587435</v>
      </c>
      <c r="X26" s="70">
        <v>329147097</v>
      </c>
      <c r="Y26" s="70">
        <v>2774891085</v>
      </c>
      <c r="Z26" s="73">
        <v>2023</v>
      </c>
      <c r="AA26" s="70">
        <v>79742829</v>
      </c>
      <c r="AB26" s="74">
        <v>28872263</v>
      </c>
      <c r="AC26" s="68">
        <v>16</v>
      </c>
      <c r="AD26" s="82" t="s">
        <v>93</v>
      </c>
      <c r="AE26" s="70">
        <v>0</v>
      </c>
      <c r="AF26" s="73">
        <v>47474012</v>
      </c>
      <c r="AG26" s="76">
        <v>14446133969</v>
      </c>
      <c r="AH26" s="71">
        <v>136008630</v>
      </c>
      <c r="AI26" s="70">
        <v>0</v>
      </c>
      <c r="AJ26" s="70">
        <v>0</v>
      </c>
      <c r="AK26" s="70">
        <v>14582142599</v>
      </c>
      <c r="AL26" s="202">
        <v>32793318</v>
      </c>
      <c r="AM26" s="75">
        <v>186644535</v>
      </c>
      <c r="AN26" s="70">
        <v>136911871</v>
      </c>
      <c r="AO26" s="74">
        <v>0</v>
      </c>
      <c r="AP26" s="68">
        <v>16</v>
      </c>
      <c r="AQ26" s="82" t="s">
        <v>93</v>
      </c>
      <c r="AR26" s="70">
        <v>2945779400</v>
      </c>
      <c r="AS26" s="70">
        <v>2700990119</v>
      </c>
      <c r="AT26" s="70">
        <v>1036500</v>
      </c>
      <c r="AU26" s="79">
        <v>0.91720000000000002</v>
      </c>
      <c r="AV26" s="70">
        <v>1880001378</v>
      </c>
      <c r="AW26" s="70">
        <v>221577732</v>
      </c>
      <c r="AX26" s="70">
        <v>3080900</v>
      </c>
      <c r="AY26" s="37">
        <v>0.1181</v>
      </c>
      <c r="AZ26" s="70">
        <v>0</v>
      </c>
      <c r="BA26" s="70">
        <v>0</v>
      </c>
      <c r="BB26" s="77">
        <v>0</v>
      </c>
      <c r="BC26" s="70">
        <v>0</v>
      </c>
      <c r="BD26" s="70">
        <v>0</v>
      </c>
      <c r="BE26" s="81">
        <v>0</v>
      </c>
    </row>
    <row r="27" spans="1:57" s="3" customFormat="1" ht="15" customHeight="1" x14ac:dyDescent="0.15">
      <c r="A27" s="68">
        <v>17</v>
      </c>
      <c r="B27" s="82" t="s">
        <v>94</v>
      </c>
      <c r="C27" s="70">
        <v>289296639</v>
      </c>
      <c r="D27" s="70">
        <v>7870023798</v>
      </c>
      <c r="E27" s="71">
        <v>92057215</v>
      </c>
      <c r="F27" s="72">
        <v>7962081013</v>
      </c>
      <c r="G27" s="70">
        <v>20944826</v>
      </c>
      <c r="H27" s="70">
        <v>1077283319</v>
      </c>
      <c r="I27" s="70">
        <v>295395</v>
      </c>
      <c r="J27" s="70">
        <v>0</v>
      </c>
      <c r="K27" s="70">
        <v>54804920</v>
      </c>
      <c r="L27" s="73">
        <v>10000000</v>
      </c>
      <c r="M27" s="74">
        <v>0</v>
      </c>
      <c r="N27" s="68">
        <v>17</v>
      </c>
      <c r="O27" s="82" t="s">
        <v>94</v>
      </c>
      <c r="P27" s="75">
        <v>9125409473</v>
      </c>
      <c r="Q27" s="70">
        <v>1861858934</v>
      </c>
      <c r="R27" s="70">
        <v>134753</v>
      </c>
      <c r="S27" s="70">
        <v>1209632</v>
      </c>
      <c r="T27" s="70">
        <v>130758</v>
      </c>
      <c r="U27" s="193">
        <v>0</v>
      </c>
      <c r="V27" s="70">
        <v>48635</v>
      </c>
      <c r="W27" s="70">
        <v>714631315</v>
      </c>
      <c r="X27" s="70">
        <v>326431241</v>
      </c>
      <c r="Y27" s="70">
        <v>3029864737</v>
      </c>
      <c r="Z27" s="73">
        <v>2310</v>
      </c>
      <c r="AA27" s="70">
        <v>72702456</v>
      </c>
      <c r="AB27" s="74">
        <v>9435960</v>
      </c>
      <c r="AC27" s="68">
        <v>17</v>
      </c>
      <c r="AD27" s="82" t="s">
        <v>94</v>
      </c>
      <c r="AE27" s="70">
        <v>0</v>
      </c>
      <c r="AF27" s="73">
        <v>86852351</v>
      </c>
      <c r="AG27" s="76">
        <v>15518009194</v>
      </c>
      <c r="AH27" s="71">
        <v>4</v>
      </c>
      <c r="AI27" s="70">
        <v>0</v>
      </c>
      <c r="AJ27" s="70">
        <v>449288</v>
      </c>
      <c r="AK27" s="70">
        <v>15518458486</v>
      </c>
      <c r="AL27" s="202">
        <v>179625591</v>
      </c>
      <c r="AM27" s="75">
        <v>266654486</v>
      </c>
      <c r="AN27" s="70">
        <v>557741</v>
      </c>
      <c r="AO27" s="74">
        <v>0</v>
      </c>
      <c r="AP27" s="68">
        <v>17</v>
      </c>
      <c r="AQ27" s="82" t="s">
        <v>94</v>
      </c>
      <c r="AR27" s="70">
        <v>2948088400</v>
      </c>
      <c r="AS27" s="70">
        <v>2639276959</v>
      </c>
      <c r="AT27" s="70">
        <v>0</v>
      </c>
      <c r="AU27" s="79">
        <v>0.89529999999999998</v>
      </c>
      <c r="AV27" s="70">
        <v>1418324243</v>
      </c>
      <c r="AW27" s="70">
        <v>215901545</v>
      </c>
      <c r="AX27" s="70">
        <v>0</v>
      </c>
      <c r="AY27" s="37">
        <v>0.1522</v>
      </c>
      <c r="AZ27" s="70">
        <v>0</v>
      </c>
      <c r="BA27" s="70">
        <v>0</v>
      </c>
      <c r="BB27" s="77">
        <v>0</v>
      </c>
      <c r="BC27" s="70">
        <v>0</v>
      </c>
      <c r="BD27" s="70">
        <v>0</v>
      </c>
      <c r="BE27" s="81">
        <v>0</v>
      </c>
    </row>
    <row r="28" spans="1:57" s="3" customFormat="1" ht="15" customHeight="1" x14ac:dyDescent="0.15">
      <c r="A28" s="68">
        <v>18</v>
      </c>
      <c r="B28" s="82" t="s">
        <v>95</v>
      </c>
      <c r="C28" s="70">
        <v>57000317</v>
      </c>
      <c r="D28" s="70">
        <v>2686014275</v>
      </c>
      <c r="E28" s="71">
        <v>29715657</v>
      </c>
      <c r="F28" s="72">
        <v>2715729932</v>
      </c>
      <c r="G28" s="70">
        <v>7095585</v>
      </c>
      <c r="H28" s="70">
        <v>365532920</v>
      </c>
      <c r="I28" s="70">
        <v>422848</v>
      </c>
      <c r="J28" s="70">
        <v>0</v>
      </c>
      <c r="K28" s="70">
        <v>8974720</v>
      </c>
      <c r="L28" s="73">
        <v>3850000</v>
      </c>
      <c r="M28" s="74">
        <v>0</v>
      </c>
      <c r="N28" s="68">
        <v>18</v>
      </c>
      <c r="O28" s="82" t="s">
        <v>95</v>
      </c>
      <c r="P28" s="75">
        <v>3101606005</v>
      </c>
      <c r="Q28" s="70">
        <v>571564586</v>
      </c>
      <c r="R28" s="70">
        <v>41233</v>
      </c>
      <c r="S28" s="70">
        <v>372473</v>
      </c>
      <c r="T28" s="70">
        <v>40012</v>
      </c>
      <c r="U28" s="193">
        <v>0</v>
      </c>
      <c r="V28" s="70">
        <v>17107</v>
      </c>
      <c r="W28" s="70">
        <v>221280119</v>
      </c>
      <c r="X28" s="70">
        <v>102225444</v>
      </c>
      <c r="Y28" s="70">
        <v>913401767</v>
      </c>
      <c r="Z28" s="73">
        <v>756</v>
      </c>
      <c r="AA28" s="70">
        <v>22671971</v>
      </c>
      <c r="AB28" s="74">
        <v>3706518</v>
      </c>
      <c r="AC28" s="68">
        <v>18</v>
      </c>
      <c r="AD28" s="82" t="s">
        <v>95</v>
      </c>
      <c r="AE28" s="70">
        <v>0</v>
      </c>
      <c r="AF28" s="73">
        <v>23590906</v>
      </c>
      <c r="AG28" s="76">
        <v>5017519214</v>
      </c>
      <c r="AH28" s="71">
        <v>71000135</v>
      </c>
      <c r="AI28" s="70">
        <v>0</v>
      </c>
      <c r="AJ28" s="70">
        <v>0</v>
      </c>
      <c r="AK28" s="70">
        <v>5088519349</v>
      </c>
      <c r="AL28" s="202">
        <v>-62788435</v>
      </c>
      <c r="AM28" s="75">
        <v>129289864</v>
      </c>
      <c r="AN28" s="70">
        <v>117641896</v>
      </c>
      <c r="AO28" s="74">
        <v>0</v>
      </c>
      <c r="AP28" s="68">
        <v>18</v>
      </c>
      <c r="AQ28" s="82" t="s">
        <v>95</v>
      </c>
      <c r="AR28" s="70">
        <v>1119114500</v>
      </c>
      <c r="AS28" s="70">
        <v>1025165035</v>
      </c>
      <c r="AT28" s="70">
        <v>0</v>
      </c>
      <c r="AU28" s="79">
        <v>0.91610000000000003</v>
      </c>
      <c r="AV28" s="70">
        <v>238334758</v>
      </c>
      <c r="AW28" s="70">
        <v>52167930</v>
      </c>
      <c r="AX28" s="70">
        <v>0</v>
      </c>
      <c r="AY28" s="37">
        <v>0.21890000000000001</v>
      </c>
      <c r="AZ28" s="70">
        <v>0</v>
      </c>
      <c r="BA28" s="70">
        <v>0</v>
      </c>
      <c r="BB28" s="77">
        <v>0</v>
      </c>
      <c r="BC28" s="70">
        <v>0</v>
      </c>
      <c r="BD28" s="70">
        <v>0</v>
      </c>
      <c r="BE28" s="81">
        <v>0</v>
      </c>
    </row>
    <row r="29" spans="1:57" s="3" customFormat="1" ht="15" customHeight="1" thickBot="1" x14ac:dyDescent="0.2">
      <c r="A29" s="84">
        <v>21</v>
      </c>
      <c r="B29" s="85" t="s">
        <v>96</v>
      </c>
      <c r="C29" s="86">
        <v>109431758</v>
      </c>
      <c r="D29" s="86">
        <v>5546769417</v>
      </c>
      <c r="E29" s="87">
        <v>71758885</v>
      </c>
      <c r="F29" s="58">
        <v>5618528302</v>
      </c>
      <c r="G29" s="86">
        <v>13100754</v>
      </c>
      <c r="H29" s="86">
        <v>772892511</v>
      </c>
      <c r="I29" s="86">
        <v>927916</v>
      </c>
      <c r="J29" s="86">
        <v>0</v>
      </c>
      <c r="K29" s="86">
        <v>52876260</v>
      </c>
      <c r="L29" s="88">
        <v>7950000</v>
      </c>
      <c r="M29" s="89">
        <v>0</v>
      </c>
      <c r="N29" s="84">
        <v>21</v>
      </c>
      <c r="O29" s="85" t="s">
        <v>96</v>
      </c>
      <c r="P29" s="62">
        <v>6466275743</v>
      </c>
      <c r="Q29" s="86">
        <v>1324114399</v>
      </c>
      <c r="R29" s="86">
        <v>95602</v>
      </c>
      <c r="S29" s="86">
        <v>862239</v>
      </c>
      <c r="T29" s="86">
        <v>92768</v>
      </c>
      <c r="U29" s="194">
        <v>0</v>
      </c>
      <c r="V29" s="86">
        <v>34618</v>
      </c>
      <c r="W29" s="86">
        <v>453729722</v>
      </c>
      <c r="X29" s="86">
        <v>212750992</v>
      </c>
      <c r="Y29" s="86">
        <v>2090319804</v>
      </c>
      <c r="Z29" s="88">
        <v>1407</v>
      </c>
      <c r="AA29" s="86">
        <v>58199427</v>
      </c>
      <c r="AB29" s="89">
        <v>11194154</v>
      </c>
      <c r="AC29" s="84">
        <v>21</v>
      </c>
      <c r="AD29" s="85" t="s">
        <v>96</v>
      </c>
      <c r="AE29" s="86">
        <v>0</v>
      </c>
      <c r="AF29" s="88">
        <v>64130637</v>
      </c>
      <c r="AG29" s="90">
        <v>10791233270</v>
      </c>
      <c r="AH29" s="87">
        <v>1005066</v>
      </c>
      <c r="AI29" s="86">
        <v>0</v>
      </c>
      <c r="AJ29" s="86">
        <v>0</v>
      </c>
      <c r="AK29" s="86">
        <v>10792238336</v>
      </c>
      <c r="AL29" s="201">
        <v>1005066</v>
      </c>
      <c r="AM29" s="62">
        <v>60000000</v>
      </c>
      <c r="AN29" s="86">
        <v>3007816</v>
      </c>
      <c r="AO29" s="89">
        <v>0</v>
      </c>
      <c r="AP29" s="84">
        <v>21</v>
      </c>
      <c r="AQ29" s="85" t="s">
        <v>96</v>
      </c>
      <c r="AR29" s="86">
        <v>2121231395</v>
      </c>
      <c r="AS29" s="86">
        <v>1961665856</v>
      </c>
      <c r="AT29" s="86">
        <v>0</v>
      </c>
      <c r="AU29" s="91">
        <v>0.92479999999999996</v>
      </c>
      <c r="AV29" s="86">
        <v>879927872</v>
      </c>
      <c r="AW29" s="86">
        <v>165750807</v>
      </c>
      <c r="AX29" s="86">
        <v>0</v>
      </c>
      <c r="AY29" s="92">
        <v>0.18840000000000001</v>
      </c>
      <c r="AZ29" s="86">
        <v>0</v>
      </c>
      <c r="BA29" s="86">
        <v>0</v>
      </c>
      <c r="BB29" s="57">
        <v>0</v>
      </c>
      <c r="BC29" s="86">
        <v>0</v>
      </c>
      <c r="BD29" s="86">
        <v>0</v>
      </c>
      <c r="BE29" s="63">
        <v>0</v>
      </c>
    </row>
    <row r="30" spans="1:57" s="3" customFormat="1" ht="15" customHeight="1" thickTop="1" x14ac:dyDescent="0.15">
      <c r="A30" s="68">
        <v>19</v>
      </c>
      <c r="B30" s="82" t="s">
        <v>97</v>
      </c>
      <c r="C30" s="70">
        <v>54979648</v>
      </c>
      <c r="D30" s="70">
        <v>2045565085</v>
      </c>
      <c r="E30" s="71">
        <v>24751629</v>
      </c>
      <c r="F30" s="72">
        <v>2070316714</v>
      </c>
      <c r="G30" s="70">
        <v>8472748</v>
      </c>
      <c r="H30" s="70">
        <v>234848233</v>
      </c>
      <c r="I30" s="70">
        <v>79229</v>
      </c>
      <c r="J30" s="70">
        <v>21300</v>
      </c>
      <c r="K30" s="70">
        <v>15951000</v>
      </c>
      <c r="L30" s="73">
        <v>1850000</v>
      </c>
      <c r="M30" s="74">
        <v>0</v>
      </c>
      <c r="N30" s="68">
        <v>19</v>
      </c>
      <c r="O30" s="82" t="s">
        <v>97</v>
      </c>
      <c r="P30" s="75">
        <v>2331539224</v>
      </c>
      <c r="Q30" s="70">
        <v>504469409</v>
      </c>
      <c r="R30" s="70">
        <v>36665</v>
      </c>
      <c r="S30" s="70">
        <v>326435</v>
      </c>
      <c r="T30" s="70">
        <v>35578</v>
      </c>
      <c r="U30" s="193">
        <v>0</v>
      </c>
      <c r="V30" s="70">
        <v>15186</v>
      </c>
      <c r="W30" s="70">
        <v>200199104</v>
      </c>
      <c r="X30" s="70">
        <v>95775413</v>
      </c>
      <c r="Y30" s="70">
        <v>797760476</v>
      </c>
      <c r="Z30" s="73">
        <v>0</v>
      </c>
      <c r="AA30" s="70">
        <v>24452493</v>
      </c>
      <c r="AB30" s="74">
        <v>71069</v>
      </c>
      <c r="AC30" s="68">
        <v>19</v>
      </c>
      <c r="AD30" s="82" t="s">
        <v>97</v>
      </c>
      <c r="AE30" s="70">
        <v>0</v>
      </c>
      <c r="AF30" s="73">
        <v>14339474</v>
      </c>
      <c r="AG30" s="76">
        <v>4024000174</v>
      </c>
      <c r="AH30" s="71">
        <v>75003503</v>
      </c>
      <c r="AI30" s="70">
        <v>0</v>
      </c>
      <c r="AJ30" s="70">
        <v>0</v>
      </c>
      <c r="AK30" s="70">
        <v>4099003677</v>
      </c>
      <c r="AL30" s="202">
        <v>-79809257</v>
      </c>
      <c r="AM30" s="75">
        <v>112478272</v>
      </c>
      <c r="AN30" s="70">
        <v>110284165</v>
      </c>
      <c r="AO30" s="74">
        <v>0</v>
      </c>
      <c r="AP30" s="68">
        <v>19</v>
      </c>
      <c r="AQ30" s="82" t="s">
        <v>97</v>
      </c>
      <c r="AR30" s="70">
        <v>941967384</v>
      </c>
      <c r="AS30" s="70">
        <v>878741461</v>
      </c>
      <c r="AT30" s="70">
        <v>0</v>
      </c>
      <c r="AU30" s="79">
        <v>0.93289999999999995</v>
      </c>
      <c r="AV30" s="70">
        <v>131059160</v>
      </c>
      <c r="AW30" s="70">
        <v>42214834</v>
      </c>
      <c r="AX30" s="70">
        <v>0</v>
      </c>
      <c r="AY30" s="93">
        <v>0.3221</v>
      </c>
      <c r="AZ30" s="70">
        <v>0</v>
      </c>
      <c r="BA30" s="70">
        <v>0</v>
      </c>
      <c r="BB30" s="77">
        <v>0</v>
      </c>
      <c r="BC30" s="70">
        <v>0</v>
      </c>
      <c r="BD30" s="70">
        <v>0</v>
      </c>
      <c r="BE30" s="81">
        <v>0</v>
      </c>
    </row>
    <row r="31" spans="1:57" s="3" customFormat="1" ht="15" customHeight="1" x14ac:dyDescent="0.15">
      <c r="A31" s="68">
        <v>20</v>
      </c>
      <c r="B31" s="82" t="s">
        <v>98</v>
      </c>
      <c r="C31" s="70">
        <v>79827025</v>
      </c>
      <c r="D31" s="70">
        <v>3113051475</v>
      </c>
      <c r="E31" s="71">
        <v>47771390</v>
      </c>
      <c r="F31" s="72">
        <v>3160822865</v>
      </c>
      <c r="G31" s="70">
        <v>12654879</v>
      </c>
      <c r="H31" s="70">
        <v>424242195</v>
      </c>
      <c r="I31" s="70">
        <v>626199</v>
      </c>
      <c r="J31" s="70">
        <v>0</v>
      </c>
      <c r="K31" s="70">
        <v>22270920</v>
      </c>
      <c r="L31" s="73">
        <v>3850000</v>
      </c>
      <c r="M31" s="74">
        <v>0</v>
      </c>
      <c r="N31" s="68">
        <v>20</v>
      </c>
      <c r="O31" s="82" t="s">
        <v>98</v>
      </c>
      <c r="P31" s="75">
        <v>3624467058</v>
      </c>
      <c r="Q31" s="70">
        <v>696786486</v>
      </c>
      <c r="R31" s="70">
        <v>46307</v>
      </c>
      <c r="S31" s="70">
        <v>451863</v>
      </c>
      <c r="T31" s="70">
        <v>49031</v>
      </c>
      <c r="U31" s="193">
        <v>0</v>
      </c>
      <c r="V31" s="70">
        <v>19340</v>
      </c>
      <c r="W31" s="70">
        <v>251313142</v>
      </c>
      <c r="X31" s="70">
        <v>128080807</v>
      </c>
      <c r="Y31" s="70">
        <v>1145720715</v>
      </c>
      <c r="Z31" s="83">
        <v>763</v>
      </c>
      <c r="AA31" s="70">
        <v>38392223</v>
      </c>
      <c r="AB31" s="74">
        <v>1193415</v>
      </c>
      <c r="AC31" s="68">
        <v>20</v>
      </c>
      <c r="AD31" s="82" t="s">
        <v>98</v>
      </c>
      <c r="AE31" s="70">
        <v>0</v>
      </c>
      <c r="AF31" s="73">
        <v>25458658</v>
      </c>
      <c r="AG31" s="76">
        <v>5991806833</v>
      </c>
      <c r="AH31" s="71">
        <v>311552042</v>
      </c>
      <c r="AI31" s="70">
        <v>0</v>
      </c>
      <c r="AJ31" s="70">
        <v>0</v>
      </c>
      <c r="AK31" s="70">
        <v>6303358875</v>
      </c>
      <c r="AL31" s="202">
        <v>333492964</v>
      </c>
      <c r="AM31" s="75">
        <v>498129359</v>
      </c>
      <c r="AN31" s="70">
        <v>635626271</v>
      </c>
      <c r="AO31" s="74">
        <v>0</v>
      </c>
      <c r="AP31" s="68">
        <v>20</v>
      </c>
      <c r="AQ31" s="82" t="s">
        <v>98</v>
      </c>
      <c r="AR31" s="70">
        <v>1470110750</v>
      </c>
      <c r="AS31" s="70">
        <v>1355941350</v>
      </c>
      <c r="AT31" s="70">
        <v>0</v>
      </c>
      <c r="AU31" s="79">
        <v>0.92230000000000001</v>
      </c>
      <c r="AV31" s="70">
        <v>307429022</v>
      </c>
      <c r="AW31" s="70">
        <v>92687997</v>
      </c>
      <c r="AX31" s="70">
        <v>0</v>
      </c>
      <c r="AY31" s="37">
        <v>0.30149999999999999</v>
      </c>
      <c r="AZ31" s="70">
        <v>0</v>
      </c>
      <c r="BA31" s="70">
        <v>0</v>
      </c>
      <c r="BB31" s="77">
        <v>0</v>
      </c>
      <c r="BC31" s="70">
        <v>0</v>
      </c>
      <c r="BD31" s="70">
        <v>0</v>
      </c>
      <c r="BE31" s="81">
        <v>0</v>
      </c>
    </row>
    <row r="32" spans="1:57" s="3" customFormat="1" ht="15" customHeight="1" x14ac:dyDescent="0.15">
      <c r="A32" s="68">
        <v>22</v>
      </c>
      <c r="B32" s="82" t="s">
        <v>99</v>
      </c>
      <c r="C32" s="70">
        <v>36815539</v>
      </c>
      <c r="D32" s="70">
        <v>2287513000</v>
      </c>
      <c r="E32" s="71">
        <v>28238088</v>
      </c>
      <c r="F32" s="72">
        <v>2315751088</v>
      </c>
      <c r="G32" s="70">
        <v>5685316</v>
      </c>
      <c r="H32" s="70">
        <v>303296911</v>
      </c>
      <c r="I32" s="70">
        <v>122002</v>
      </c>
      <c r="J32" s="70">
        <v>0</v>
      </c>
      <c r="K32" s="70">
        <v>10975808</v>
      </c>
      <c r="L32" s="73">
        <v>1900000</v>
      </c>
      <c r="M32" s="74">
        <v>0</v>
      </c>
      <c r="N32" s="68">
        <v>22</v>
      </c>
      <c r="O32" s="82" t="s">
        <v>99</v>
      </c>
      <c r="P32" s="75">
        <v>2637731125</v>
      </c>
      <c r="Q32" s="70">
        <v>498789240</v>
      </c>
      <c r="R32" s="70">
        <v>35372</v>
      </c>
      <c r="S32" s="70">
        <v>330237</v>
      </c>
      <c r="T32" s="70">
        <v>34325</v>
      </c>
      <c r="U32" s="193">
        <v>0</v>
      </c>
      <c r="V32" s="70">
        <v>14681</v>
      </c>
      <c r="W32" s="70">
        <v>182141600</v>
      </c>
      <c r="X32" s="70">
        <v>85429469</v>
      </c>
      <c r="Y32" s="70">
        <v>785340004</v>
      </c>
      <c r="Z32" s="73">
        <v>637</v>
      </c>
      <c r="AA32" s="70">
        <v>21053264</v>
      </c>
      <c r="AB32" s="74">
        <v>1791428</v>
      </c>
      <c r="AC32" s="68">
        <v>22</v>
      </c>
      <c r="AD32" s="82" t="s">
        <v>99</v>
      </c>
      <c r="AE32" s="70">
        <v>0</v>
      </c>
      <c r="AF32" s="73">
        <v>167902227</v>
      </c>
      <c r="AG32" s="76">
        <v>4417409148</v>
      </c>
      <c r="AH32" s="71">
        <v>50000767</v>
      </c>
      <c r="AI32" s="70">
        <v>0</v>
      </c>
      <c r="AJ32" s="70">
        <v>0</v>
      </c>
      <c r="AK32" s="70">
        <v>4467409915</v>
      </c>
      <c r="AL32" s="202">
        <v>17808471</v>
      </c>
      <c r="AM32" s="75">
        <v>232064210</v>
      </c>
      <c r="AN32" s="70">
        <v>101057914</v>
      </c>
      <c r="AO32" s="74">
        <v>0</v>
      </c>
      <c r="AP32" s="68">
        <v>22</v>
      </c>
      <c r="AQ32" s="82" t="s">
        <v>99</v>
      </c>
      <c r="AR32" s="70">
        <v>933356700</v>
      </c>
      <c r="AS32" s="70">
        <v>871966296</v>
      </c>
      <c r="AT32" s="70">
        <v>0</v>
      </c>
      <c r="AU32" s="79">
        <v>0.93420000000000003</v>
      </c>
      <c r="AV32" s="70">
        <v>189324203</v>
      </c>
      <c r="AW32" s="70">
        <v>51849996</v>
      </c>
      <c r="AX32" s="70">
        <v>0</v>
      </c>
      <c r="AY32" s="37">
        <v>0.27389999999999998</v>
      </c>
      <c r="AZ32" s="70">
        <v>0</v>
      </c>
      <c r="BA32" s="70">
        <v>0</v>
      </c>
      <c r="BB32" s="77">
        <v>0</v>
      </c>
      <c r="BC32" s="70">
        <v>0</v>
      </c>
      <c r="BD32" s="70">
        <v>0</v>
      </c>
      <c r="BE32" s="81">
        <v>0</v>
      </c>
    </row>
    <row r="33" spans="1:57" s="3" customFormat="1" ht="15" customHeight="1" x14ac:dyDescent="0.15">
      <c r="A33" s="68">
        <v>23</v>
      </c>
      <c r="B33" s="82" t="s">
        <v>100</v>
      </c>
      <c r="C33" s="70">
        <v>36987924</v>
      </c>
      <c r="D33" s="70">
        <v>1997983321</v>
      </c>
      <c r="E33" s="71">
        <v>16673457</v>
      </c>
      <c r="F33" s="72">
        <v>2014656778</v>
      </c>
      <c r="G33" s="70">
        <v>5528018</v>
      </c>
      <c r="H33" s="70">
        <v>275507389</v>
      </c>
      <c r="I33" s="70">
        <v>116638</v>
      </c>
      <c r="J33" s="70">
        <v>0</v>
      </c>
      <c r="K33" s="70">
        <v>6720280</v>
      </c>
      <c r="L33" s="73">
        <v>2240000</v>
      </c>
      <c r="M33" s="74">
        <v>0</v>
      </c>
      <c r="N33" s="68">
        <v>23</v>
      </c>
      <c r="O33" s="82" t="s">
        <v>100</v>
      </c>
      <c r="P33" s="75">
        <v>2304769103</v>
      </c>
      <c r="Q33" s="70">
        <v>414515257</v>
      </c>
      <c r="R33" s="70">
        <v>29871</v>
      </c>
      <c r="S33" s="70">
        <v>270391</v>
      </c>
      <c r="T33" s="70">
        <v>28987</v>
      </c>
      <c r="U33" s="193">
        <v>0</v>
      </c>
      <c r="V33" s="70">
        <v>12984</v>
      </c>
      <c r="W33" s="70">
        <v>149697224</v>
      </c>
      <c r="X33" s="70">
        <v>63312637</v>
      </c>
      <c r="Y33" s="70">
        <v>649573016</v>
      </c>
      <c r="Z33" s="73">
        <v>441</v>
      </c>
      <c r="AA33" s="70">
        <v>25491639</v>
      </c>
      <c r="AB33" s="74">
        <v>1111053</v>
      </c>
      <c r="AC33" s="68">
        <v>23</v>
      </c>
      <c r="AD33" s="82" t="s">
        <v>100</v>
      </c>
      <c r="AE33" s="70">
        <v>0</v>
      </c>
      <c r="AF33" s="73">
        <v>13583077</v>
      </c>
      <c r="AG33" s="76">
        <v>3659383604</v>
      </c>
      <c r="AH33" s="71">
        <v>0</v>
      </c>
      <c r="AI33" s="70">
        <v>0</v>
      </c>
      <c r="AJ33" s="70">
        <v>0</v>
      </c>
      <c r="AK33" s="70">
        <v>3659383604</v>
      </c>
      <c r="AL33" s="202">
        <v>129866826</v>
      </c>
      <c r="AM33" s="75">
        <v>314581280</v>
      </c>
      <c r="AN33" s="70">
        <v>456005</v>
      </c>
      <c r="AO33" s="74">
        <v>0</v>
      </c>
      <c r="AP33" s="68">
        <v>23</v>
      </c>
      <c r="AQ33" s="82" t="s">
        <v>100</v>
      </c>
      <c r="AR33" s="70">
        <v>730326600</v>
      </c>
      <c r="AS33" s="70">
        <v>677298976</v>
      </c>
      <c r="AT33" s="70">
        <v>0</v>
      </c>
      <c r="AU33" s="79">
        <v>0.9274</v>
      </c>
      <c r="AV33" s="70">
        <v>191494436</v>
      </c>
      <c r="AW33" s="70">
        <v>45130258</v>
      </c>
      <c r="AX33" s="70">
        <v>0</v>
      </c>
      <c r="AY33" s="37">
        <v>0.23569999999999999</v>
      </c>
      <c r="AZ33" s="70">
        <v>31562</v>
      </c>
      <c r="BA33" s="70">
        <v>3542</v>
      </c>
      <c r="BB33" s="77">
        <v>35104</v>
      </c>
      <c r="BC33" s="70">
        <v>0</v>
      </c>
      <c r="BD33" s="70">
        <v>0</v>
      </c>
      <c r="BE33" s="81">
        <v>0</v>
      </c>
    </row>
    <row r="34" spans="1:57" s="3" customFormat="1" ht="15" customHeight="1" x14ac:dyDescent="0.15">
      <c r="A34" s="68">
        <v>24</v>
      </c>
      <c r="B34" s="82" t="s">
        <v>101</v>
      </c>
      <c r="C34" s="70">
        <v>24432955</v>
      </c>
      <c r="D34" s="70">
        <v>741750452</v>
      </c>
      <c r="E34" s="71">
        <v>5405341</v>
      </c>
      <c r="F34" s="72">
        <v>747155793</v>
      </c>
      <c r="G34" s="70">
        <v>1680311</v>
      </c>
      <c r="H34" s="70">
        <v>99438695</v>
      </c>
      <c r="I34" s="70">
        <v>215781</v>
      </c>
      <c r="J34" s="70">
        <v>0</v>
      </c>
      <c r="K34" s="70">
        <v>1680000</v>
      </c>
      <c r="L34" s="73">
        <v>950000</v>
      </c>
      <c r="M34" s="74">
        <v>0</v>
      </c>
      <c r="N34" s="68">
        <v>24</v>
      </c>
      <c r="O34" s="82" t="s">
        <v>101</v>
      </c>
      <c r="P34" s="75">
        <v>851120580</v>
      </c>
      <c r="Q34" s="70">
        <v>161352304</v>
      </c>
      <c r="R34" s="70">
        <v>10425</v>
      </c>
      <c r="S34" s="70">
        <v>107378</v>
      </c>
      <c r="T34" s="70">
        <v>11039</v>
      </c>
      <c r="U34" s="193">
        <v>0</v>
      </c>
      <c r="V34" s="70">
        <v>4215</v>
      </c>
      <c r="W34" s="70">
        <v>56536817</v>
      </c>
      <c r="X34" s="70">
        <v>23499181</v>
      </c>
      <c r="Y34" s="70">
        <v>252089383</v>
      </c>
      <c r="Z34" s="73">
        <v>203</v>
      </c>
      <c r="AA34" s="70">
        <v>6760815</v>
      </c>
      <c r="AB34" s="74">
        <v>3430276</v>
      </c>
      <c r="AC34" s="68">
        <v>24</v>
      </c>
      <c r="AD34" s="82" t="s">
        <v>101</v>
      </c>
      <c r="AE34" s="70">
        <v>0</v>
      </c>
      <c r="AF34" s="73">
        <v>5075220</v>
      </c>
      <c r="AG34" s="76">
        <v>1384430791</v>
      </c>
      <c r="AH34" s="71">
        <v>7983</v>
      </c>
      <c r="AI34" s="70">
        <v>0</v>
      </c>
      <c r="AJ34" s="70">
        <v>0</v>
      </c>
      <c r="AK34" s="70">
        <v>1384438774</v>
      </c>
      <c r="AL34" s="202">
        <v>35399137</v>
      </c>
      <c r="AM34" s="75">
        <v>59235385</v>
      </c>
      <c r="AN34" s="70">
        <v>71849563</v>
      </c>
      <c r="AO34" s="74">
        <v>0</v>
      </c>
      <c r="AP34" s="68">
        <v>24</v>
      </c>
      <c r="AQ34" s="82" t="s">
        <v>101</v>
      </c>
      <c r="AR34" s="70">
        <v>272564900</v>
      </c>
      <c r="AS34" s="70">
        <v>263975300</v>
      </c>
      <c r="AT34" s="70">
        <v>0</v>
      </c>
      <c r="AU34" s="79">
        <v>0.96850000000000003</v>
      </c>
      <c r="AV34" s="70">
        <v>49712016</v>
      </c>
      <c r="AW34" s="70">
        <v>5657919</v>
      </c>
      <c r="AX34" s="70">
        <v>0</v>
      </c>
      <c r="AY34" s="37">
        <v>0.1138</v>
      </c>
      <c r="AZ34" s="70">
        <v>0</v>
      </c>
      <c r="BA34" s="70">
        <v>0</v>
      </c>
      <c r="BB34" s="77">
        <v>0</v>
      </c>
      <c r="BC34" s="70">
        <v>0</v>
      </c>
      <c r="BD34" s="70">
        <v>0</v>
      </c>
      <c r="BE34" s="81">
        <v>0</v>
      </c>
    </row>
    <row r="35" spans="1:57" s="3" customFormat="1" ht="15" customHeight="1" x14ac:dyDescent="0.15">
      <c r="A35" s="68">
        <v>25</v>
      </c>
      <c r="B35" s="82" t="s">
        <v>102</v>
      </c>
      <c r="C35" s="70">
        <v>32278053</v>
      </c>
      <c r="D35" s="70">
        <v>948198914</v>
      </c>
      <c r="E35" s="71">
        <v>14493236</v>
      </c>
      <c r="F35" s="72">
        <v>962692150</v>
      </c>
      <c r="G35" s="70">
        <v>2767684</v>
      </c>
      <c r="H35" s="70">
        <v>115191059</v>
      </c>
      <c r="I35" s="70">
        <v>97893</v>
      </c>
      <c r="J35" s="70">
        <v>0</v>
      </c>
      <c r="K35" s="70">
        <v>10080000</v>
      </c>
      <c r="L35" s="73">
        <v>1450000</v>
      </c>
      <c r="M35" s="74">
        <v>0</v>
      </c>
      <c r="N35" s="68">
        <v>25</v>
      </c>
      <c r="O35" s="82" t="s">
        <v>102</v>
      </c>
      <c r="P35" s="75">
        <v>1092278786</v>
      </c>
      <c r="Q35" s="70">
        <v>247098210</v>
      </c>
      <c r="R35" s="70">
        <v>17943</v>
      </c>
      <c r="S35" s="70">
        <v>160016</v>
      </c>
      <c r="T35" s="70">
        <v>17413</v>
      </c>
      <c r="U35" s="193">
        <v>0</v>
      </c>
      <c r="V35" s="70">
        <v>6915</v>
      </c>
      <c r="W35" s="70">
        <v>94732400</v>
      </c>
      <c r="X35" s="70">
        <v>38879860</v>
      </c>
      <c r="Y35" s="70">
        <v>391724917</v>
      </c>
      <c r="Z35" s="73">
        <v>224</v>
      </c>
      <c r="AA35" s="70">
        <v>9944777</v>
      </c>
      <c r="AB35" s="74">
        <v>749910</v>
      </c>
      <c r="AC35" s="68">
        <v>25</v>
      </c>
      <c r="AD35" s="82" t="s">
        <v>102</v>
      </c>
      <c r="AE35" s="70">
        <v>0</v>
      </c>
      <c r="AF35" s="73">
        <v>19094295</v>
      </c>
      <c r="AG35" s="76">
        <v>1926983719</v>
      </c>
      <c r="AH35" s="71">
        <v>17568</v>
      </c>
      <c r="AI35" s="70">
        <v>0</v>
      </c>
      <c r="AJ35" s="70">
        <v>0</v>
      </c>
      <c r="AK35" s="70">
        <v>1927001287</v>
      </c>
      <c r="AL35" s="202">
        <v>90777574</v>
      </c>
      <c r="AM35" s="75">
        <v>274009698</v>
      </c>
      <c r="AN35" s="70">
        <v>50434131</v>
      </c>
      <c r="AO35" s="74">
        <v>0</v>
      </c>
      <c r="AP35" s="68">
        <v>25</v>
      </c>
      <c r="AQ35" s="82" t="s">
        <v>102</v>
      </c>
      <c r="AR35" s="70">
        <v>439404700</v>
      </c>
      <c r="AS35" s="70">
        <v>413027900</v>
      </c>
      <c r="AT35" s="70">
        <v>0</v>
      </c>
      <c r="AU35" s="79">
        <v>0.94</v>
      </c>
      <c r="AV35" s="70">
        <v>127789453</v>
      </c>
      <c r="AW35" s="70">
        <v>28523332</v>
      </c>
      <c r="AX35" s="70">
        <v>0</v>
      </c>
      <c r="AY35" s="37">
        <v>0.22320000000000001</v>
      </c>
      <c r="AZ35" s="70">
        <v>0</v>
      </c>
      <c r="BA35" s="70">
        <v>0</v>
      </c>
      <c r="BB35" s="77">
        <v>0</v>
      </c>
      <c r="BC35" s="70">
        <v>0</v>
      </c>
      <c r="BD35" s="70">
        <v>0</v>
      </c>
      <c r="BE35" s="81">
        <v>0</v>
      </c>
    </row>
    <row r="36" spans="1:57" s="3" customFormat="1" ht="15" customHeight="1" x14ac:dyDescent="0.15">
      <c r="A36" s="68">
        <v>26</v>
      </c>
      <c r="B36" s="82" t="s">
        <v>103</v>
      </c>
      <c r="C36" s="70">
        <v>28197099</v>
      </c>
      <c r="D36" s="70">
        <v>842543656</v>
      </c>
      <c r="E36" s="71">
        <v>8384371</v>
      </c>
      <c r="F36" s="72">
        <v>850928027</v>
      </c>
      <c r="G36" s="70">
        <v>1870287</v>
      </c>
      <c r="H36" s="70">
        <v>118646820</v>
      </c>
      <c r="I36" s="70">
        <v>32179</v>
      </c>
      <c r="J36" s="70">
        <v>0</v>
      </c>
      <c r="K36" s="70">
        <v>2520000</v>
      </c>
      <c r="L36" s="73">
        <v>1150000</v>
      </c>
      <c r="M36" s="74">
        <v>0</v>
      </c>
      <c r="N36" s="68">
        <v>26</v>
      </c>
      <c r="O36" s="82" t="s">
        <v>103</v>
      </c>
      <c r="P36" s="75">
        <v>975147313</v>
      </c>
      <c r="Q36" s="70">
        <v>162723276</v>
      </c>
      <c r="R36" s="70">
        <v>11964</v>
      </c>
      <c r="S36" s="70">
        <v>104405</v>
      </c>
      <c r="T36" s="70">
        <v>11610</v>
      </c>
      <c r="U36" s="193">
        <v>0</v>
      </c>
      <c r="V36" s="70">
        <v>5237</v>
      </c>
      <c r="W36" s="70">
        <v>63849157</v>
      </c>
      <c r="X36" s="70">
        <v>28423990</v>
      </c>
      <c r="Y36" s="70">
        <v>264979803</v>
      </c>
      <c r="Z36" s="73">
        <v>294</v>
      </c>
      <c r="AA36" s="70">
        <v>3975746</v>
      </c>
      <c r="AB36" s="74">
        <v>1620740</v>
      </c>
      <c r="AC36" s="68">
        <v>26</v>
      </c>
      <c r="AD36" s="82" t="s">
        <v>103</v>
      </c>
      <c r="AE36" s="70">
        <v>0</v>
      </c>
      <c r="AF36" s="73">
        <v>3357449</v>
      </c>
      <c r="AG36" s="76">
        <v>1532408083</v>
      </c>
      <c r="AH36" s="71">
        <v>0</v>
      </c>
      <c r="AI36" s="70">
        <v>0</v>
      </c>
      <c r="AJ36" s="70">
        <v>0</v>
      </c>
      <c r="AK36" s="70">
        <v>1532408083</v>
      </c>
      <c r="AL36" s="202">
        <v>107124724</v>
      </c>
      <c r="AM36" s="75">
        <v>159106459</v>
      </c>
      <c r="AN36" s="70">
        <v>35256014</v>
      </c>
      <c r="AO36" s="74">
        <v>0</v>
      </c>
      <c r="AP36" s="68">
        <v>26</v>
      </c>
      <c r="AQ36" s="82" t="s">
        <v>103</v>
      </c>
      <c r="AR36" s="70">
        <v>281192500</v>
      </c>
      <c r="AS36" s="70">
        <v>268201400</v>
      </c>
      <c r="AT36" s="70">
        <v>0</v>
      </c>
      <c r="AU36" s="79">
        <v>0.95379999999999998</v>
      </c>
      <c r="AV36" s="70">
        <v>53483330</v>
      </c>
      <c r="AW36" s="70">
        <v>13896304</v>
      </c>
      <c r="AX36" s="70">
        <v>0</v>
      </c>
      <c r="AY36" s="37">
        <v>0.25979999999999998</v>
      </c>
      <c r="AZ36" s="70">
        <v>0</v>
      </c>
      <c r="BA36" s="70">
        <v>0</v>
      </c>
      <c r="BB36" s="77">
        <v>0</v>
      </c>
      <c r="BC36" s="70">
        <v>0</v>
      </c>
      <c r="BD36" s="70">
        <v>0</v>
      </c>
      <c r="BE36" s="81">
        <v>0</v>
      </c>
    </row>
    <row r="37" spans="1:57" s="3" customFormat="1" ht="15" customHeight="1" x14ac:dyDescent="0.15">
      <c r="A37" s="68">
        <v>27</v>
      </c>
      <c r="B37" s="82" t="s">
        <v>104</v>
      </c>
      <c r="C37" s="70">
        <v>27109322</v>
      </c>
      <c r="D37" s="70">
        <v>937322835</v>
      </c>
      <c r="E37" s="71">
        <v>7850045</v>
      </c>
      <c r="F37" s="72">
        <v>945172880</v>
      </c>
      <c r="G37" s="70">
        <v>2219658</v>
      </c>
      <c r="H37" s="70">
        <v>139528119</v>
      </c>
      <c r="I37" s="70">
        <v>458</v>
      </c>
      <c r="J37" s="70">
        <v>0</v>
      </c>
      <c r="K37" s="70">
        <v>2084000</v>
      </c>
      <c r="L37" s="73">
        <v>1650000</v>
      </c>
      <c r="M37" s="74">
        <v>0</v>
      </c>
      <c r="N37" s="68">
        <v>27</v>
      </c>
      <c r="O37" s="82" t="s">
        <v>104</v>
      </c>
      <c r="P37" s="75">
        <v>1090655115</v>
      </c>
      <c r="Q37" s="70">
        <v>176151823</v>
      </c>
      <c r="R37" s="70">
        <v>12249</v>
      </c>
      <c r="S37" s="70">
        <v>118698</v>
      </c>
      <c r="T37" s="70">
        <v>11886</v>
      </c>
      <c r="U37" s="193">
        <v>0</v>
      </c>
      <c r="V37" s="70">
        <v>5441</v>
      </c>
      <c r="W37" s="70">
        <v>66047279</v>
      </c>
      <c r="X37" s="70">
        <v>24158553</v>
      </c>
      <c r="Y37" s="70">
        <v>275443024</v>
      </c>
      <c r="Z37" s="73">
        <v>322</v>
      </c>
      <c r="AA37" s="70">
        <v>8488320</v>
      </c>
      <c r="AB37" s="74">
        <v>4577427</v>
      </c>
      <c r="AC37" s="68">
        <v>27</v>
      </c>
      <c r="AD37" s="82" t="s">
        <v>104</v>
      </c>
      <c r="AE37" s="70">
        <v>0</v>
      </c>
      <c r="AF37" s="73">
        <v>14728239</v>
      </c>
      <c r="AG37" s="76">
        <v>1687507698</v>
      </c>
      <c r="AH37" s="71">
        <v>0</v>
      </c>
      <c r="AI37" s="70">
        <v>0</v>
      </c>
      <c r="AJ37" s="70">
        <v>28000000</v>
      </c>
      <c r="AK37" s="70">
        <v>1715507698</v>
      </c>
      <c r="AL37" s="202">
        <v>27634440</v>
      </c>
      <c r="AM37" s="75">
        <v>2299520</v>
      </c>
      <c r="AN37" s="70">
        <v>0</v>
      </c>
      <c r="AO37" s="74">
        <v>0</v>
      </c>
      <c r="AP37" s="68">
        <v>27</v>
      </c>
      <c r="AQ37" s="82" t="s">
        <v>104</v>
      </c>
      <c r="AR37" s="70">
        <v>326736400</v>
      </c>
      <c r="AS37" s="70">
        <v>312328243</v>
      </c>
      <c r="AT37" s="70">
        <v>0</v>
      </c>
      <c r="AU37" s="79">
        <v>0.95589999999999997</v>
      </c>
      <c r="AV37" s="70">
        <v>55198048</v>
      </c>
      <c r="AW37" s="70">
        <v>9496986</v>
      </c>
      <c r="AX37" s="70">
        <v>0</v>
      </c>
      <c r="AY37" s="37">
        <v>0.1721</v>
      </c>
      <c r="AZ37" s="70">
        <v>0</v>
      </c>
      <c r="BA37" s="70">
        <v>0</v>
      </c>
      <c r="BB37" s="77">
        <v>0</v>
      </c>
      <c r="BC37" s="70">
        <v>0</v>
      </c>
      <c r="BD37" s="70">
        <v>0</v>
      </c>
      <c r="BE37" s="81">
        <v>0</v>
      </c>
    </row>
    <row r="38" spans="1:57" s="3" customFormat="1" ht="15" customHeight="1" x14ac:dyDescent="0.15">
      <c r="A38" s="68">
        <v>28</v>
      </c>
      <c r="B38" s="82" t="s">
        <v>105</v>
      </c>
      <c r="C38" s="70">
        <v>25884905</v>
      </c>
      <c r="D38" s="70">
        <v>1036494841</v>
      </c>
      <c r="E38" s="71">
        <v>9832971</v>
      </c>
      <c r="F38" s="72">
        <v>1046327812</v>
      </c>
      <c r="G38" s="70">
        <v>2705992</v>
      </c>
      <c r="H38" s="70">
        <v>139178159</v>
      </c>
      <c r="I38" s="70">
        <v>44410</v>
      </c>
      <c r="J38" s="70">
        <v>133740</v>
      </c>
      <c r="K38" s="70">
        <v>6704000</v>
      </c>
      <c r="L38" s="73">
        <v>1820000</v>
      </c>
      <c r="M38" s="74">
        <v>0</v>
      </c>
      <c r="N38" s="68">
        <v>28</v>
      </c>
      <c r="O38" s="82" t="s">
        <v>105</v>
      </c>
      <c r="P38" s="75">
        <v>1196914113</v>
      </c>
      <c r="Q38" s="70">
        <v>206589573</v>
      </c>
      <c r="R38" s="70">
        <v>14495</v>
      </c>
      <c r="S38" s="70">
        <v>138138</v>
      </c>
      <c r="T38" s="70">
        <v>14062</v>
      </c>
      <c r="U38" s="193">
        <v>0</v>
      </c>
      <c r="V38" s="70">
        <v>5545</v>
      </c>
      <c r="W38" s="70">
        <v>78928201</v>
      </c>
      <c r="X38" s="70">
        <v>28804328</v>
      </c>
      <c r="Y38" s="70">
        <v>319204118</v>
      </c>
      <c r="Z38" s="73">
        <v>329</v>
      </c>
      <c r="AA38" s="70">
        <v>11830207</v>
      </c>
      <c r="AB38" s="74">
        <v>3623756</v>
      </c>
      <c r="AC38" s="68">
        <v>28</v>
      </c>
      <c r="AD38" s="82" t="s">
        <v>105</v>
      </c>
      <c r="AE38" s="70">
        <v>0</v>
      </c>
      <c r="AF38" s="73">
        <v>11153661</v>
      </c>
      <c r="AG38" s="76">
        <v>1883105431</v>
      </c>
      <c r="AH38" s="71">
        <v>0</v>
      </c>
      <c r="AI38" s="70">
        <v>0</v>
      </c>
      <c r="AJ38" s="70">
        <v>0</v>
      </c>
      <c r="AK38" s="70">
        <v>1883105431</v>
      </c>
      <c r="AL38" s="202">
        <v>-22159988</v>
      </c>
      <c r="AM38" s="75">
        <v>136095927</v>
      </c>
      <c r="AN38" s="70">
        <v>22714189</v>
      </c>
      <c r="AO38" s="74">
        <v>0</v>
      </c>
      <c r="AP38" s="68">
        <v>28</v>
      </c>
      <c r="AQ38" s="82" t="s">
        <v>105</v>
      </c>
      <c r="AR38" s="70">
        <v>390311300</v>
      </c>
      <c r="AS38" s="70">
        <v>368436900</v>
      </c>
      <c r="AT38" s="70">
        <v>0</v>
      </c>
      <c r="AU38" s="79">
        <v>0.94399999999999995</v>
      </c>
      <c r="AV38" s="70">
        <v>102277259</v>
      </c>
      <c r="AW38" s="70">
        <v>12865445</v>
      </c>
      <c r="AX38" s="70">
        <v>0</v>
      </c>
      <c r="AY38" s="37">
        <v>0.1258</v>
      </c>
      <c r="AZ38" s="70">
        <v>0</v>
      </c>
      <c r="BA38" s="70">
        <v>0</v>
      </c>
      <c r="BB38" s="77">
        <v>0</v>
      </c>
      <c r="BC38" s="70">
        <v>0</v>
      </c>
      <c r="BD38" s="70">
        <v>0</v>
      </c>
      <c r="BE38" s="81">
        <v>0</v>
      </c>
    </row>
    <row r="39" spans="1:57" s="3" customFormat="1" ht="15" customHeight="1" x14ac:dyDescent="0.15">
      <c r="A39" s="68">
        <v>29</v>
      </c>
      <c r="B39" s="82" t="s">
        <v>106</v>
      </c>
      <c r="C39" s="70">
        <v>63180263</v>
      </c>
      <c r="D39" s="70">
        <v>903677820</v>
      </c>
      <c r="E39" s="71">
        <v>6147162</v>
      </c>
      <c r="F39" s="72">
        <v>909824982</v>
      </c>
      <c r="G39" s="70">
        <v>2318985</v>
      </c>
      <c r="H39" s="70">
        <v>121438737</v>
      </c>
      <c r="I39" s="70">
        <v>46049</v>
      </c>
      <c r="J39" s="70">
        <v>0</v>
      </c>
      <c r="K39" s="70">
        <v>5041680</v>
      </c>
      <c r="L39" s="73">
        <v>700000</v>
      </c>
      <c r="M39" s="74">
        <v>0</v>
      </c>
      <c r="N39" s="68">
        <v>29</v>
      </c>
      <c r="O39" s="82" t="s">
        <v>106</v>
      </c>
      <c r="P39" s="75">
        <v>1039370433</v>
      </c>
      <c r="Q39" s="70">
        <v>191628159</v>
      </c>
      <c r="R39" s="70">
        <v>14350</v>
      </c>
      <c r="S39" s="70">
        <v>120388</v>
      </c>
      <c r="T39" s="70">
        <v>13926</v>
      </c>
      <c r="U39" s="193">
        <v>0</v>
      </c>
      <c r="V39" s="70">
        <v>6739</v>
      </c>
      <c r="W39" s="70">
        <v>70771456</v>
      </c>
      <c r="X39" s="70">
        <v>46318178</v>
      </c>
      <c r="Y39" s="70">
        <v>332041600</v>
      </c>
      <c r="Z39" s="73">
        <v>284</v>
      </c>
      <c r="AA39" s="70">
        <v>11864603</v>
      </c>
      <c r="AB39" s="74">
        <v>671507</v>
      </c>
      <c r="AC39" s="68">
        <v>29</v>
      </c>
      <c r="AD39" s="82" t="s">
        <v>106</v>
      </c>
      <c r="AE39" s="70">
        <v>0</v>
      </c>
      <c r="AF39" s="73">
        <v>2412100</v>
      </c>
      <c r="AG39" s="76">
        <v>1758413986</v>
      </c>
      <c r="AH39" s="71">
        <v>47255000</v>
      </c>
      <c r="AI39" s="70">
        <v>0</v>
      </c>
      <c r="AJ39" s="70">
        <v>0</v>
      </c>
      <c r="AK39" s="70">
        <v>1805668986</v>
      </c>
      <c r="AL39" s="202">
        <v>84041154</v>
      </c>
      <c r="AM39" s="75">
        <v>111384878</v>
      </c>
      <c r="AN39" s="70">
        <v>47278982</v>
      </c>
      <c r="AO39" s="74">
        <v>0</v>
      </c>
      <c r="AP39" s="68">
        <v>29</v>
      </c>
      <c r="AQ39" s="82" t="s">
        <v>106</v>
      </c>
      <c r="AR39" s="70">
        <v>374058130</v>
      </c>
      <c r="AS39" s="70">
        <v>326080449</v>
      </c>
      <c r="AT39" s="70">
        <v>0</v>
      </c>
      <c r="AU39" s="79">
        <v>0.87170000000000003</v>
      </c>
      <c r="AV39" s="70">
        <v>105550976</v>
      </c>
      <c r="AW39" s="70">
        <v>34293381</v>
      </c>
      <c r="AX39" s="70">
        <v>0</v>
      </c>
      <c r="AY39" s="37">
        <v>0.32490000000000002</v>
      </c>
      <c r="AZ39" s="94">
        <v>0</v>
      </c>
      <c r="BA39" s="70">
        <v>0</v>
      </c>
      <c r="BB39" s="95">
        <v>0</v>
      </c>
      <c r="BC39" s="70">
        <v>0</v>
      </c>
      <c r="BD39" s="70">
        <v>0</v>
      </c>
      <c r="BE39" s="81">
        <v>0</v>
      </c>
    </row>
    <row r="40" spans="1:57" s="3" customFormat="1" ht="15" customHeight="1" x14ac:dyDescent="0.15">
      <c r="A40" s="68">
        <v>30</v>
      </c>
      <c r="B40" s="82" t="s">
        <v>107</v>
      </c>
      <c r="C40" s="70">
        <v>21129456</v>
      </c>
      <c r="D40" s="70">
        <v>724323979</v>
      </c>
      <c r="E40" s="71">
        <v>5441937</v>
      </c>
      <c r="F40" s="72">
        <v>729765916</v>
      </c>
      <c r="G40" s="70">
        <v>1684112</v>
      </c>
      <c r="H40" s="70">
        <v>117097895</v>
      </c>
      <c r="I40" s="70">
        <v>4586</v>
      </c>
      <c r="J40" s="70">
        <v>0</v>
      </c>
      <c r="K40" s="70">
        <v>2520000</v>
      </c>
      <c r="L40" s="73">
        <v>900000</v>
      </c>
      <c r="M40" s="74">
        <v>0</v>
      </c>
      <c r="N40" s="68">
        <v>30</v>
      </c>
      <c r="O40" s="82" t="s">
        <v>107</v>
      </c>
      <c r="P40" s="75">
        <v>851972509</v>
      </c>
      <c r="Q40" s="70">
        <v>145044155</v>
      </c>
      <c r="R40" s="70">
        <v>10540</v>
      </c>
      <c r="S40" s="70">
        <v>93860</v>
      </c>
      <c r="T40" s="70">
        <v>10229</v>
      </c>
      <c r="U40" s="193">
        <v>0</v>
      </c>
      <c r="V40" s="70">
        <v>4770</v>
      </c>
      <c r="W40" s="70">
        <v>57606358</v>
      </c>
      <c r="X40" s="70">
        <v>37064772</v>
      </c>
      <c r="Y40" s="70">
        <v>254090616</v>
      </c>
      <c r="Z40" s="73">
        <v>182</v>
      </c>
      <c r="AA40" s="70">
        <v>5742952</v>
      </c>
      <c r="AB40" s="74">
        <v>1368661</v>
      </c>
      <c r="AC40" s="68">
        <v>30</v>
      </c>
      <c r="AD40" s="82" t="s">
        <v>107</v>
      </c>
      <c r="AE40" s="70">
        <v>0</v>
      </c>
      <c r="AF40" s="73">
        <v>19764149</v>
      </c>
      <c r="AG40" s="76">
        <v>1393903209</v>
      </c>
      <c r="AH40" s="71">
        <v>0</v>
      </c>
      <c r="AI40" s="70">
        <v>0</v>
      </c>
      <c r="AJ40" s="70">
        <v>6000000</v>
      </c>
      <c r="AK40" s="70">
        <v>1399903209</v>
      </c>
      <c r="AL40" s="202">
        <v>-4017672</v>
      </c>
      <c r="AM40" s="75">
        <v>97777833</v>
      </c>
      <c r="AN40" s="70">
        <v>8354879</v>
      </c>
      <c r="AO40" s="74">
        <v>0</v>
      </c>
      <c r="AP40" s="68">
        <v>30</v>
      </c>
      <c r="AQ40" s="82" t="s">
        <v>107</v>
      </c>
      <c r="AR40" s="70">
        <v>288601100</v>
      </c>
      <c r="AS40" s="70">
        <v>264940500</v>
      </c>
      <c r="AT40" s="70">
        <v>0</v>
      </c>
      <c r="AU40" s="79">
        <v>0.91800000000000004</v>
      </c>
      <c r="AV40" s="70">
        <v>127628479</v>
      </c>
      <c r="AW40" s="70">
        <v>21087418</v>
      </c>
      <c r="AX40" s="70">
        <v>0</v>
      </c>
      <c r="AY40" s="37">
        <v>0.16520000000000001</v>
      </c>
      <c r="AZ40" s="70">
        <v>0</v>
      </c>
      <c r="BA40" s="70">
        <v>0</v>
      </c>
      <c r="BB40" s="77">
        <v>0</v>
      </c>
      <c r="BC40" s="70">
        <v>0</v>
      </c>
      <c r="BD40" s="70">
        <v>0</v>
      </c>
      <c r="BE40" s="81">
        <v>0</v>
      </c>
    </row>
    <row r="41" spans="1:57" s="3" customFormat="1" ht="15" customHeight="1" x14ac:dyDescent="0.15">
      <c r="A41" s="68">
        <v>31</v>
      </c>
      <c r="B41" s="82" t="s">
        <v>108</v>
      </c>
      <c r="C41" s="70">
        <v>52728101</v>
      </c>
      <c r="D41" s="70">
        <v>2122876814</v>
      </c>
      <c r="E41" s="71">
        <v>32437036</v>
      </c>
      <c r="F41" s="72">
        <v>2155313850</v>
      </c>
      <c r="G41" s="70">
        <v>5765922</v>
      </c>
      <c r="H41" s="70">
        <v>291831900</v>
      </c>
      <c r="I41" s="70">
        <v>60699</v>
      </c>
      <c r="J41" s="70">
        <v>51440</v>
      </c>
      <c r="K41" s="70">
        <v>10084620</v>
      </c>
      <c r="L41" s="73">
        <v>2950000</v>
      </c>
      <c r="M41" s="74">
        <v>0</v>
      </c>
      <c r="N41" s="68">
        <v>31</v>
      </c>
      <c r="O41" s="82" t="s">
        <v>108</v>
      </c>
      <c r="P41" s="75">
        <v>2466058431</v>
      </c>
      <c r="Q41" s="70">
        <v>436723762</v>
      </c>
      <c r="R41" s="70">
        <v>33807</v>
      </c>
      <c r="S41" s="70">
        <v>265018</v>
      </c>
      <c r="T41" s="70">
        <v>32806</v>
      </c>
      <c r="U41" s="193">
        <v>0</v>
      </c>
      <c r="V41" s="70">
        <v>15582</v>
      </c>
      <c r="W41" s="70">
        <v>164605706</v>
      </c>
      <c r="X41" s="70">
        <v>101881438</v>
      </c>
      <c r="Y41" s="70">
        <v>818634634</v>
      </c>
      <c r="Z41" s="73">
        <v>616</v>
      </c>
      <c r="AA41" s="70">
        <v>23406828</v>
      </c>
      <c r="AB41" s="74">
        <v>1673836</v>
      </c>
      <c r="AC41" s="68">
        <v>31</v>
      </c>
      <c r="AD41" s="82" t="s">
        <v>108</v>
      </c>
      <c r="AE41" s="70">
        <v>0</v>
      </c>
      <c r="AF41" s="73">
        <v>7900092</v>
      </c>
      <c r="AG41" s="76">
        <v>4073960657</v>
      </c>
      <c r="AH41" s="71">
        <v>222273052</v>
      </c>
      <c r="AI41" s="70">
        <v>0</v>
      </c>
      <c r="AJ41" s="70">
        <v>0</v>
      </c>
      <c r="AK41" s="70">
        <v>4296233709</v>
      </c>
      <c r="AL41" s="202">
        <v>188786397</v>
      </c>
      <c r="AM41" s="75">
        <v>415982156</v>
      </c>
      <c r="AN41" s="70">
        <v>405107528</v>
      </c>
      <c r="AO41" s="74">
        <v>0</v>
      </c>
      <c r="AP41" s="68">
        <v>31</v>
      </c>
      <c r="AQ41" s="82" t="s">
        <v>108</v>
      </c>
      <c r="AR41" s="70">
        <v>1027977157</v>
      </c>
      <c r="AS41" s="70">
        <v>947649508</v>
      </c>
      <c r="AT41" s="70">
        <v>0</v>
      </c>
      <c r="AU41" s="79">
        <v>0.92190000000000005</v>
      </c>
      <c r="AV41" s="70">
        <v>488364693</v>
      </c>
      <c r="AW41" s="70">
        <v>83702835</v>
      </c>
      <c r="AX41" s="70">
        <v>0</v>
      </c>
      <c r="AY41" s="37">
        <v>0.1714</v>
      </c>
      <c r="AZ41" s="70">
        <v>0</v>
      </c>
      <c r="BA41" s="70">
        <v>0</v>
      </c>
      <c r="BB41" s="77">
        <v>0</v>
      </c>
      <c r="BC41" s="70">
        <v>0</v>
      </c>
      <c r="BD41" s="70">
        <v>0</v>
      </c>
      <c r="BE41" s="81">
        <v>0</v>
      </c>
    </row>
    <row r="42" spans="1:57" s="3" customFormat="1" ht="15" customHeight="1" x14ac:dyDescent="0.15">
      <c r="A42" s="68">
        <v>32</v>
      </c>
      <c r="B42" s="82" t="s">
        <v>109</v>
      </c>
      <c r="C42" s="70">
        <v>96432766</v>
      </c>
      <c r="D42" s="70">
        <v>3212707907</v>
      </c>
      <c r="E42" s="71">
        <v>35856309</v>
      </c>
      <c r="F42" s="72">
        <v>3248564216</v>
      </c>
      <c r="G42" s="70">
        <v>7950114</v>
      </c>
      <c r="H42" s="70">
        <v>482256564</v>
      </c>
      <c r="I42" s="70">
        <v>464892</v>
      </c>
      <c r="J42" s="70">
        <v>0</v>
      </c>
      <c r="K42" s="70">
        <v>21000000</v>
      </c>
      <c r="L42" s="73">
        <v>4250000</v>
      </c>
      <c r="M42" s="74">
        <v>0</v>
      </c>
      <c r="N42" s="68">
        <v>32</v>
      </c>
      <c r="O42" s="82" t="s">
        <v>109</v>
      </c>
      <c r="P42" s="75">
        <v>3764485786</v>
      </c>
      <c r="Q42" s="70">
        <v>705272730</v>
      </c>
      <c r="R42" s="70">
        <v>51407</v>
      </c>
      <c r="S42" s="70">
        <v>455116</v>
      </c>
      <c r="T42" s="70">
        <v>49885</v>
      </c>
      <c r="U42" s="193">
        <v>0</v>
      </c>
      <c r="V42" s="70">
        <v>19167</v>
      </c>
      <c r="W42" s="70">
        <v>271100934</v>
      </c>
      <c r="X42" s="70">
        <v>159928630</v>
      </c>
      <c r="Y42" s="70">
        <v>1194019278</v>
      </c>
      <c r="Z42" s="73">
        <v>0</v>
      </c>
      <c r="AA42" s="70">
        <v>55101339</v>
      </c>
      <c r="AB42" s="74">
        <v>6123463</v>
      </c>
      <c r="AC42" s="68">
        <v>32</v>
      </c>
      <c r="AD42" s="82" t="s">
        <v>109</v>
      </c>
      <c r="AE42" s="70">
        <v>0</v>
      </c>
      <c r="AF42" s="73">
        <v>15682751</v>
      </c>
      <c r="AG42" s="76">
        <v>6268723252</v>
      </c>
      <c r="AH42" s="71">
        <v>42</v>
      </c>
      <c r="AI42" s="70">
        <v>0</v>
      </c>
      <c r="AJ42" s="70">
        <v>0</v>
      </c>
      <c r="AK42" s="70">
        <v>6268723294</v>
      </c>
      <c r="AL42" s="202">
        <v>40236938</v>
      </c>
      <c r="AM42" s="75">
        <v>75215802</v>
      </c>
      <c r="AN42" s="70">
        <v>422285</v>
      </c>
      <c r="AO42" s="74">
        <v>0</v>
      </c>
      <c r="AP42" s="68">
        <v>32</v>
      </c>
      <c r="AQ42" s="82" t="s">
        <v>109</v>
      </c>
      <c r="AR42" s="70">
        <v>1178740397</v>
      </c>
      <c r="AS42" s="70">
        <v>1089712486</v>
      </c>
      <c r="AT42" s="70">
        <v>0</v>
      </c>
      <c r="AU42" s="79">
        <v>0.92449999999999999</v>
      </c>
      <c r="AV42" s="70">
        <v>411039047</v>
      </c>
      <c r="AW42" s="70">
        <v>98566851</v>
      </c>
      <c r="AX42" s="70">
        <v>0</v>
      </c>
      <c r="AY42" s="37">
        <v>0.23980000000000001</v>
      </c>
      <c r="AZ42" s="70">
        <v>0</v>
      </c>
      <c r="BA42" s="70">
        <v>0</v>
      </c>
      <c r="BB42" s="77">
        <v>0</v>
      </c>
      <c r="BC42" s="70">
        <v>0</v>
      </c>
      <c r="BD42" s="70">
        <v>0</v>
      </c>
      <c r="BE42" s="81">
        <v>0</v>
      </c>
    </row>
    <row r="43" spans="1:57" s="3" customFormat="1" ht="15" customHeight="1" thickBot="1" x14ac:dyDescent="0.2">
      <c r="A43" s="68">
        <v>33</v>
      </c>
      <c r="B43" s="82" t="s">
        <v>110</v>
      </c>
      <c r="C43" s="70">
        <v>19341500</v>
      </c>
      <c r="D43" s="70">
        <v>250169735</v>
      </c>
      <c r="E43" s="71">
        <v>2263994</v>
      </c>
      <c r="F43" s="72">
        <v>252433729</v>
      </c>
      <c r="G43" s="70">
        <v>781463</v>
      </c>
      <c r="H43" s="70">
        <v>32533289</v>
      </c>
      <c r="I43" s="70">
        <v>0</v>
      </c>
      <c r="J43" s="70">
        <v>7020</v>
      </c>
      <c r="K43" s="70">
        <v>840000</v>
      </c>
      <c r="L43" s="73">
        <v>400000</v>
      </c>
      <c r="M43" s="74">
        <v>0</v>
      </c>
      <c r="N43" s="68">
        <v>33</v>
      </c>
      <c r="O43" s="82" t="s">
        <v>110</v>
      </c>
      <c r="P43" s="75">
        <v>286995501</v>
      </c>
      <c r="Q43" s="70">
        <v>54202285</v>
      </c>
      <c r="R43" s="70">
        <v>3875</v>
      </c>
      <c r="S43" s="70">
        <v>35608</v>
      </c>
      <c r="T43" s="70">
        <v>3761</v>
      </c>
      <c r="U43" s="193">
        <v>0</v>
      </c>
      <c r="V43" s="70">
        <v>1441</v>
      </c>
      <c r="W43" s="70">
        <v>21318733</v>
      </c>
      <c r="X43" s="70">
        <v>9984565</v>
      </c>
      <c r="Y43" s="70">
        <v>88002831</v>
      </c>
      <c r="Z43" s="73">
        <v>77</v>
      </c>
      <c r="AA43" s="70">
        <v>4226406</v>
      </c>
      <c r="AB43" s="74">
        <v>951861</v>
      </c>
      <c r="AC43" s="68">
        <v>33</v>
      </c>
      <c r="AD43" s="82" t="s">
        <v>110</v>
      </c>
      <c r="AE43" s="70">
        <v>0</v>
      </c>
      <c r="AF43" s="73">
        <v>6129791</v>
      </c>
      <c r="AG43" s="76">
        <v>491198235</v>
      </c>
      <c r="AH43" s="71">
        <v>168</v>
      </c>
      <c r="AI43" s="70">
        <v>0</v>
      </c>
      <c r="AJ43" s="70">
        <v>0</v>
      </c>
      <c r="AK43" s="70">
        <v>491198403</v>
      </c>
      <c r="AL43" s="202">
        <v>8216007</v>
      </c>
      <c r="AM43" s="75">
        <v>23507727</v>
      </c>
      <c r="AN43" s="70">
        <v>480855</v>
      </c>
      <c r="AO43" s="74">
        <v>0</v>
      </c>
      <c r="AP43" s="68">
        <v>33</v>
      </c>
      <c r="AQ43" s="82" t="s">
        <v>110</v>
      </c>
      <c r="AR43" s="70">
        <v>85533163</v>
      </c>
      <c r="AS43" s="70">
        <v>81630111</v>
      </c>
      <c r="AT43" s="70">
        <v>0</v>
      </c>
      <c r="AU43" s="79">
        <v>0.95440000000000003</v>
      </c>
      <c r="AV43" s="70">
        <v>20444035</v>
      </c>
      <c r="AW43" s="70">
        <v>4314743</v>
      </c>
      <c r="AX43" s="70">
        <v>0</v>
      </c>
      <c r="AY43" s="37">
        <v>0.21110000000000001</v>
      </c>
      <c r="AZ43" s="70">
        <v>0</v>
      </c>
      <c r="BA43" s="70">
        <v>0</v>
      </c>
      <c r="BB43" s="77">
        <v>0</v>
      </c>
      <c r="BC43" s="70">
        <v>0</v>
      </c>
      <c r="BD43" s="70">
        <v>0</v>
      </c>
      <c r="BE43" s="81">
        <v>0</v>
      </c>
    </row>
    <row r="44" spans="1:57" s="3" customFormat="1" ht="15" customHeight="1" thickTop="1" thickBot="1" x14ac:dyDescent="0.2">
      <c r="A44" s="151" t="s">
        <v>111</v>
      </c>
      <c r="B44" s="152"/>
      <c r="C44" s="96">
        <v>13007541458</v>
      </c>
      <c r="D44" s="97">
        <v>518684270385</v>
      </c>
      <c r="E44" s="96">
        <v>7395017836</v>
      </c>
      <c r="F44" s="98">
        <v>526079288221</v>
      </c>
      <c r="G44" s="96">
        <v>1516499844</v>
      </c>
      <c r="H44" s="96">
        <v>69907499801</v>
      </c>
      <c r="I44" s="96">
        <v>51301903</v>
      </c>
      <c r="J44" s="96">
        <v>8054230</v>
      </c>
      <c r="K44" s="96">
        <v>3626689131</v>
      </c>
      <c r="L44" s="99">
        <v>599960000</v>
      </c>
      <c r="M44" s="100">
        <v>7500000</v>
      </c>
      <c r="N44" s="151" t="s">
        <v>111</v>
      </c>
      <c r="O44" s="152"/>
      <c r="P44" s="101">
        <v>601796793130</v>
      </c>
      <c r="Q44" s="96">
        <v>117001172155</v>
      </c>
      <c r="R44" s="96">
        <v>8403223</v>
      </c>
      <c r="S44" s="96">
        <v>76257849</v>
      </c>
      <c r="T44" s="96">
        <v>8189357</v>
      </c>
      <c r="U44" s="195">
        <v>0</v>
      </c>
      <c r="V44" s="96">
        <v>3352774</v>
      </c>
      <c r="W44" s="96">
        <v>44375509539</v>
      </c>
      <c r="X44" s="96">
        <v>23629329695</v>
      </c>
      <c r="Y44" s="96">
        <v>198321423316</v>
      </c>
      <c r="Z44" s="99">
        <v>132360</v>
      </c>
      <c r="AA44" s="96">
        <v>4694973307</v>
      </c>
      <c r="AB44" s="100">
        <v>590736306</v>
      </c>
      <c r="AC44" s="151" t="s">
        <v>111</v>
      </c>
      <c r="AD44" s="152"/>
      <c r="AE44" s="96">
        <v>66946000</v>
      </c>
      <c r="AF44" s="99">
        <v>5704994737</v>
      </c>
      <c r="AG44" s="102">
        <v>1009285755206</v>
      </c>
      <c r="AH44" s="97">
        <v>1423483979</v>
      </c>
      <c r="AI44" s="96">
        <v>0</v>
      </c>
      <c r="AJ44" s="96">
        <v>64449288</v>
      </c>
      <c r="AK44" s="96">
        <v>1010773688473</v>
      </c>
      <c r="AL44" s="203">
        <v>3079591474</v>
      </c>
      <c r="AM44" s="101">
        <v>30745902154</v>
      </c>
      <c r="AN44" s="96">
        <v>3839905989</v>
      </c>
      <c r="AO44" s="100">
        <v>0</v>
      </c>
      <c r="AP44" s="151" t="s">
        <v>111</v>
      </c>
      <c r="AQ44" s="152"/>
      <c r="AR44" s="97">
        <v>215441025073</v>
      </c>
      <c r="AS44" s="97">
        <v>199815966338</v>
      </c>
      <c r="AT44" s="97">
        <v>25304005</v>
      </c>
      <c r="AU44" s="103">
        <v>0.92759999999999998</v>
      </c>
      <c r="AV44" s="96">
        <v>52962700312</v>
      </c>
      <c r="AW44" s="96">
        <v>10821654810</v>
      </c>
      <c r="AX44" s="96">
        <v>35347575</v>
      </c>
      <c r="AY44" s="104">
        <v>0.20449999999999999</v>
      </c>
      <c r="AZ44" s="105">
        <v>1951583</v>
      </c>
      <c r="BA44" s="96">
        <v>18153189</v>
      </c>
      <c r="BB44" s="106">
        <v>20104772</v>
      </c>
      <c r="BC44" s="96">
        <v>0</v>
      </c>
      <c r="BD44" s="96">
        <v>0</v>
      </c>
      <c r="BE44" s="107">
        <v>0</v>
      </c>
    </row>
    <row r="45" spans="1:57" s="3" customFormat="1" ht="15" customHeight="1" thickTop="1" x14ac:dyDescent="0.15">
      <c r="A45" s="68">
        <v>301</v>
      </c>
      <c r="B45" s="108" t="s">
        <v>112</v>
      </c>
      <c r="C45" s="70">
        <v>172927423</v>
      </c>
      <c r="D45" s="70">
        <v>1761136317</v>
      </c>
      <c r="E45" s="70">
        <v>17807015</v>
      </c>
      <c r="F45" s="77">
        <v>1778943332</v>
      </c>
      <c r="G45" s="70">
        <v>6544502</v>
      </c>
      <c r="H45" s="70">
        <v>128085759</v>
      </c>
      <c r="I45" s="70">
        <v>0</v>
      </c>
      <c r="J45" s="70">
        <v>0</v>
      </c>
      <c r="K45" s="70">
        <v>34860170</v>
      </c>
      <c r="L45" s="73">
        <v>3200000</v>
      </c>
      <c r="M45" s="74">
        <v>914500</v>
      </c>
      <c r="N45" s="68">
        <v>301</v>
      </c>
      <c r="O45" s="108" t="s">
        <v>113</v>
      </c>
      <c r="P45" s="75">
        <v>1952548263</v>
      </c>
      <c r="Q45" s="70">
        <v>744291296</v>
      </c>
      <c r="R45" s="70">
        <v>51352</v>
      </c>
      <c r="S45" s="70">
        <v>207220037</v>
      </c>
      <c r="T45" s="70">
        <v>49830</v>
      </c>
      <c r="U45" s="193">
        <v>-6518</v>
      </c>
      <c r="V45" s="70">
        <v>17429</v>
      </c>
      <c r="W45" s="70">
        <v>452536763</v>
      </c>
      <c r="X45" s="70">
        <v>92257000</v>
      </c>
      <c r="Y45" s="70">
        <v>0</v>
      </c>
      <c r="Z45" s="73">
        <v>62000</v>
      </c>
      <c r="AA45" s="70">
        <v>24463749</v>
      </c>
      <c r="AB45" s="74">
        <v>116333563</v>
      </c>
      <c r="AC45" s="68">
        <v>301</v>
      </c>
      <c r="AD45" s="108" t="s">
        <v>114</v>
      </c>
      <c r="AE45" s="70">
        <v>0</v>
      </c>
      <c r="AF45" s="73">
        <v>34276645</v>
      </c>
      <c r="AG45" s="95">
        <v>3797028832</v>
      </c>
      <c r="AH45" s="71">
        <v>16204171</v>
      </c>
      <c r="AI45" s="70">
        <v>0</v>
      </c>
      <c r="AJ45" s="70">
        <v>0</v>
      </c>
      <c r="AK45" s="70">
        <v>3813233003</v>
      </c>
      <c r="AL45" s="202">
        <v>-173248032</v>
      </c>
      <c r="AM45" s="75">
        <v>833696988</v>
      </c>
      <c r="AN45" s="70">
        <v>2649734292</v>
      </c>
      <c r="AO45" s="74">
        <v>0</v>
      </c>
      <c r="AP45" s="68">
        <v>301</v>
      </c>
      <c r="AQ45" s="108" t="s">
        <v>115</v>
      </c>
      <c r="AR45" s="70">
        <v>2614774000</v>
      </c>
      <c r="AS45" s="70">
        <v>2613057000</v>
      </c>
      <c r="AT45" s="70">
        <v>0</v>
      </c>
      <c r="AU45" s="79">
        <v>0.99929999999999997</v>
      </c>
      <c r="AV45" s="70">
        <v>1815000</v>
      </c>
      <c r="AW45" s="70">
        <v>1611000</v>
      </c>
      <c r="AX45" s="70">
        <v>0</v>
      </c>
      <c r="AY45" s="93">
        <v>0.88759999999999994</v>
      </c>
      <c r="AZ45" s="70">
        <v>0</v>
      </c>
      <c r="BA45" s="70">
        <v>0</v>
      </c>
      <c r="BB45" s="77">
        <v>0</v>
      </c>
      <c r="BC45" s="70">
        <v>0</v>
      </c>
      <c r="BD45" s="70">
        <v>0</v>
      </c>
      <c r="BE45" s="81">
        <v>0</v>
      </c>
    </row>
    <row r="46" spans="1:57" s="3" customFormat="1" ht="15" customHeight="1" x14ac:dyDescent="0.15">
      <c r="A46" s="68">
        <v>302</v>
      </c>
      <c r="B46" s="109" t="s">
        <v>116</v>
      </c>
      <c r="C46" s="70">
        <v>148782667</v>
      </c>
      <c r="D46" s="70">
        <v>1844962284</v>
      </c>
      <c r="E46" s="70">
        <v>33594171</v>
      </c>
      <c r="F46" s="77">
        <v>1878556455</v>
      </c>
      <c r="G46" s="70">
        <v>7953065</v>
      </c>
      <c r="H46" s="70">
        <v>148578813</v>
      </c>
      <c r="I46" s="70">
        <v>101513</v>
      </c>
      <c r="J46" s="70">
        <v>0</v>
      </c>
      <c r="K46" s="70">
        <v>72662020</v>
      </c>
      <c r="L46" s="73">
        <v>4450000</v>
      </c>
      <c r="M46" s="74">
        <v>38899600</v>
      </c>
      <c r="N46" s="68">
        <v>302</v>
      </c>
      <c r="O46" s="109" t="s">
        <v>117</v>
      </c>
      <c r="P46" s="75">
        <v>2151201466</v>
      </c>
      <c r="Q46" s="70">
        <v>884844857</v>
      </c>
      <c r="R46" s="70">
        <v>61792</v>
      </c>
      <c r="S46" s="70">
        <v>707733823</v>
      </c>
      <c r="T46" s="70">
        <v>59960</v>
      </c>
      <c r="U46" s="193">
        <v>0</v>
      </c>
      <c r="V46" s="70">
        <v>20739</v>
      </c>
      <c r="W46" s="70">
        <v>415779028</v>
      </c>
      <c r="X46" s="70">
        <v>79130000</v>
      </c>
      <c r="Y46" s="70">
        <v>0</v>
      </c>
      <c r="Z46" s="73">
        <v>74000</v>
      </c>
      <c r="AA46" s="70">
        <v>21338552</v>
      </c>
      <c r="AB46" s="74">
        <v>161461078</v>
      </c>
      <c r="AC46" s="68">
        <v>302</v>
      </c>
      <c r="AD46" s="109" t="s">
        <v>118</v>
      </c>
      <c r="AE46" s="70">
        <v>0</v>
      </c>
      <c r="AF46" s="73">
        <v>58662258</v>
      </c>
      <c r="AG46" s="95">
        <v>4629150220</v>
      </c>
      <c r="AH46" s="71">
        <v>64606000</v>
      </c>
      <c r="AI46" s="70">
        <v>0</v>
      </c>
      <c r="AJ46" s="70">
        <v>0</v>
      </c>
      <c r="AK46" s="70">
        <v>4693756220</v>
      </c>
      <c r="AL46" s="202">
        <v>380897917</v>
      </c>
      <c r="AM46" s="75">
        <v>585335581</v>
      </c>
      <c r="AN46" s="70">
        <v>1045027747</v>
      </c>
      <c r="AO46" s="74">
        <v>0</v>
      </c>
      <c r="AP46" s="68">
        <v>302</v>
      </c>
      <c r="AQ46" s="109" t="s">
        <v>119</v>
      </c>
      <c r="AR46" s="70">
        <v>3687355900</v>
      </c>
      <c r="AS46" s="70">
        <v>3684903400</v>
      </c>
      <c r="AT46" s="70">
        <v>0</v>
      </c>
      <c r="AU46" s="79">
        <v>0.99929999999999997</v>
      </c>
      <c r="AV46" s="70">
        <v>3222400</v>
      </c>
      <c r="AW46" s="70">
        <v>1877200</v>
      </c>
      <c r="AX46" s="70">
        <v>0</v>
      </c>
      <c r="AY46" s="37">
        <v>0.58250000000000002</v>
      </c>
      <c r="AZ46" s="70">
        <v>0</v>
      </c>
      <c r="BA46" s="70">
        <v>0</v>
      </c>
      <c r="BB46" s="77">
        <v>0</v>
      </c>
      <c r="BC46" s="70">
        <v>0</v>
      </c>
      <c r="BD46" s="70">
        <v>0</v>
      </c>
      <c r="BE46" s="81">
        <v>0</v>
      </c>
    </row>
    <row r="47" spans="1:57" s="3" customFormat="1" ht="15" customHeight="1" x14ac:dyDescent="0.15">
      <c r="A47" s="68">
        <v>303</v>
      </c>
      <c r="B47" s="109" t="s">
        <v>120</v>
      </c>
      <c r="C47" s="70">
        <v>193288815</v>
      </c>
      <c r="D47" s="70">
        <v>3219937334</v>
      </c>
      <c r="E47" s="70">
        <v>72553368</v>
      </c>
      <c r="F47" s="77">
        <v>3292490702</v>
      </c>
      <c r="G47" s="70">
        <v>12668056</v>
      </c>
      <c r="H47" s="70">
        <v>352280916</v>
      </c>
      <c r="I47" s="70">
        <v>0</v>
      </c>
      <c r="J47" s="70">
        <v>49521</v>
      </c>
      <c r="K47" s="70">
        <v>51406677</v>
      </c>
      <c r="L47" s="73">
        <v>10140000</v>
      </c>
      <c r="M47" s="74">
        <v>240000</v>
      </c>
      <c r="N47" s="68">
        <v>303</v>
      </c>
      <c r="O47" s="109" t="s">
        <v>121</v>
      </c>
      <c r="P47" s="75">
        <v>3719275872</v>
      </c>
      <c r="Q47" s="70">
        <v>1064386496</v>
      </c>
      <c r="R47" s="70">
        <v>74794</v>
      </c>
      <c r="S47" s="70">
        <v>711950</v>
      </c>
      <c r="T47" s="70">
        <v>72578</v>
      </c>
      <c r="U47" s="193">
        <v>0</v>
      </c>
      <c r="V47" s="70">
        <v>35022</v>
      </c>
      <c r="W47" s="70">
        <v>527528702</v>
      </c>
      <c r="X47" s="70">
        <v>159221000</v>
      </c>
      <c r="Y47" s="70">
        <v>0</v>
      </c>
      <c r="Z47" s="73">
        <v>89000</v>
      </c>
      <c r="AA47" s="70">
        <v>25071726</v>
      </c>
      <c r="AB47" s="74">
        <v>47511384</v>
      </c>
      <c r="AC47" s="68">
        <v>303</v>
      </c>
      <c r="AD47" s="109" t="s">
        <v>122</v>
      </c>
      <c r="AE47" s="70">
        <v>0</v>
      </c>
      <c r="AF47" s="73">
        <v>70198103</v>
      </c>
      <c r="AG47" s="95">
        <v>5807465442</v>
      </c>
      <c r="AH47" s="71">
        <v>4000000</v>
      </c>
      <c r="AI47" s="70">
        <v>0</v>
      </c>
      <c r="AJ47" s="70">
        <v>0</v>
      </c>
      <c r="AK47" s="70">
        <v>5811465442</v>
      </c>
      <c r="AL47" s="202">
        <v>-44633994</v>
      </c>
      <c r="AM47" s="75">
        <v>365650622</v>
      </c>
      <c r="AN47" s="70">
        <v>692000000</v>
      </c>
      <c r="AO47" s="74">
        <v>0</v>
      </c>
      <c r="AP47" s="68">
        <v>303</v>
      </c>
      <c r="AQ47" s="109" t="s">
        <v>123</v>
      </c>
      <c r="AR47" s="70">
        <v>2719254400</v>
      </c>
      <c r="AS47" s="70">
        <v>2719254400</v>
      </c>
      <c r="AT47" s="70">
        <v>0</v>
      </c>
      <c r="AU47" s="79">
        <v>1</v>
      </c>
      <c r="AV47" s="70">
        <v>91200</v>
      </c>
      <c r="AW47" s="70">
        <v>91200</v>
      </c>
      <c r="AX47" s="70">
        <v>0</v>
      </c>
      <c r="AY47" s="110" t="s">
        <v>65</v>
      </c>
      <c r="AZ47" s="70">
        <v>0</v>
      </c>
      <c r="BA47" s="70">
        <v>0</v>
      </c>
      <c r="BB47" s="77">
        <v>0</v>
      </c>
      <c r="BC47" s="70">
        <v>0</v>
      </c>
      <c r="BD47" s="70">
        <v>0</v>
      </c>
      <c r="BE47" s="81">
        <v>0</v>
      </c>
    </row>
    <row r="48" spans="1:57" s="3" customFormat="1" ht="15" customHeight="1" x14ac:dyDescent="0.15">
      <c r="A48" s="68">
        <v>304</v>
      </c>
      <c r="B48" s="109" t="s">
        <v>124</v>
      </c>
      <c r="C48" s="70">
        <v>71215687</v>
      </c>
      <c r="D48" s="70">
        <v>575368516</v>
      </c>
      <c r="E48" s="70">
        <v>8545893</v>
      </c>
      <c r="F48" s="77">
        <v>583914409</v>
      </c>
      <c r="G48" s="70">
        <v>2641295</v>
      </c>
      <c r="H48" s="70">
        <v>35871857</v>
      </c>
      <c r="I48" s="70">
        <v>0</v>
      </c>
      <c r="J48" s="70">
        <v>0</v>
      </c>
      <c r="K48" s="70">
        <v>22680000</v>
      </c>
      <c r="L48" s="73">
        <v>540000</v>
      </c>
      <c r="M48" s="74">
        <v>0</v>
      </c>
      <c r="N48" s="68">
        <v>304</v>
      </c>
      <c r="O48" s="109" t="s">
        <v>125</v>
      </c>
      <c r="P48" s="75">
        <v>645647561</v>
      </c>
      <c r="Q48" s="70">
        <v>238874437</v>
      </c>
      <c r="R48" s="70">
        <v>15958</v>
      </c>
      <c r="S48" s="70">
        <v>93637011</v>
      </c>
      <c r="T48" s="70">
        <v>15486</v>
      </c>
      <c r="U48" s="193">
        <v>0</v>
      </c>
      <c r="V48" s="70">
        <v>4811</v>
      </c>
      <c r="W48" s="70">
        <v>129821985</v>
      </c>
      <c r="X48" s="70">
        <v>28947000</v>
      </c>
      <c r="Y48" s="70">
        <v>0</v>
      </c>
      <c r="Z48" s="73">
        <v>20000</v>
      </c>
      <c r="AA48" s="70">
        <v>10647595</v>
      </c>
      <c r="AB48" s="74">
        <v>30614634</v>
      </c>
      <c r="AC48" s="68">
        <v>304</v>
      </c>
      <c r="AD48" s="109" t="s">
        <v>126</v>
      </c>
      <c r="AE48" s="70">
        <v>0</v>
      </c>
      <c r="AF48" s="73">
        <v>17497881</v>
      </c>
      <c r="AG48" s="95">
        <v>1266960046</v>
      </c>
      <c r="AH48" s="71">
        <v>275849</v>
      </c>
      <c r="AI48" s="70">
        <v>0</v>
      </c>
      <c r="AJ48" s="70">
        <v>0</v>
      </c>
      <c r="AK48" s="70">
        <v>1267235895</v>
      </c>
      <c r="AL48" s="202">
        <v>104797820</v>
      </c>
      <c r="AM48" s="75">
        <v>318362687</v>
      </c>
      <c r="AN48" s="70">
        <v>351354376</v>
      </c>
      <c r="AO48" s="74">
        <v>0</v>
      </c>
      <c r="AP48" s="68">
        <v>304</v>
      </c>
      <c r="AQ48" s="109" t="s">
        <v>127</v>
      </c>
      <c r="AR48" s="70">
        <v>1096682000</v>
      </c>
      <c r="AS48" s="70">
        <v>1096682000</v>
      </c>
      <c r="AT48" s="70">
        <v>0</v>
      </c>
      <c r="AU48" s="79">
        <v>1</v>
      </c>
      <c r="AV48" s="70">
        <v>0</v>
      </c>
      <c r="AW48" s="70">
        <v>0</v>
      </c>
      <c r="AX48" s="70">
        <v>0</v>
      </c>
      <c r="AY48" s="110" t="s">
        <v>65</v>
      </c>
      <c r="AZ48" s="70">
        <v>0</v>
      </c>
      <c r="BA48" s="70">
        <v>0</v>
      </c>
      <c r="BB48" s="77">
        <v>0</v>
      </c>
      <c r="BC48" s="70">
        <v>0</v>
      </c>
      <c r="BD48" s="70">
        <v>0</v>
      </c>
      <c r="BE48" s="81">
        <v>0</v>
      </c>
    </row>
    <row r="49" spans="1:57" s="3" customFormat="1" ht="15" customHeight="1" x14ac:dyDescent="0.15">
      <c r="A49" s="68">
        <v>305</v>
      </c>
      <c r="B49" s="109" t="s">
        <v>128</v>
      </c>
      <c r="C49" s="70">
        <v>144483484</v>
      </c>
      <c r="D49" s="70">
        <v>1198914415</v>
      </c>
      <c r="E49" s="70">
        <v>20538990</v>
      </c>
      <c r="F49" s="77">
        <v>1219453405</v>
      </c>
      <c r="G49" s="70">
        <v>5374849</v>
      </c>
      <c r="H49" s="70">
        <v>112492893</v>
      </c>
      <c r="I49" s="70">
        <v>0</v>
      </c>
      <c r="J49" s="70">
        <v>0</v>
      </c>
      <c r="K49" s="70">
        <v>28514046</v>
      </c>
      <c r="L49" s="73">
        <v>1550000</v>
      </c>
      <c r="M49" s="74">
        <v>45483015</v>
      </c>
      <c r="N49" s="68">
        <v>305</v>
      </c>
      <c r="O49" s="109" t="s">
        <v>129</v>
      </c>
      <c r="P49" s="75">
        <v>1412868208</v>
      </c>
      <c r="Q49" s="70">
        <v>495304441</v>
      </c>
      <c r="R49" s="70">
        <v>37324</v>
      </c>
      <c r="S49" s="70">
        <v>125412398</v>
      </c>
      <c r="T49" s="70">
        <v>36218</v>
      </c>
      <c r="U49" s="193">
        <v>0</v>
      </c>
      <c r="V49" s="70">
        <v>16265</v>
      </c>
      <c r="W49" s="70">
        <v>244646163</v>
      </c>
      <c r="X49" s="70">
        <v>64578000</v>
      </c>
      <c r="Y49" s="70">
        <v>0</v>
      </c>
      <c r="Z49" s="73">
        <v>44000</v>
      </c>
      <c r="AA49" s="70">
        <v>0</v>
      </c>
      <c r="AB49" s="74">
        <v>94182214</v>
      </c>
      <c r="AC49" s="68">
        <v>305</v>
      </c>
      <c r="AD49" s="109" t="s">
        <v>128</v>
      </c>
      <c r="AE49" s="70">
        <v>0</v>
      </c>
      <c r="AF49" s="73">
        <v>46357781</v>
      </c>
      <c r="AG49" s="95">
        <v>2627966496</v>
      </c>
      <c r="AH49" s="71">
        <v>4474000</v>
      </c>
      <c r="AI49" s="70">
        <v>0</v>
      </c>
      <c r="AJ49" s="70">
        <v>0</v>
      </c>
      <c r="AK49" s="70">
        <v>2632440496</v>
      </c>
      <c r="AL49" s="202">
        <v>134448449</v>
      </c>
      <c r="AM49" s="75">
        <v>569591486</v>
      </c>
      <c r="AN49" s="70">
        <v>545112172</v>
      </c>
      <c r="AO49" s="74">
        <v>0</v>
      </c>
      <c r="AP49" s="68">
        <v>305</v>
      </c>
      <c r="AQ49" s="109" t="s">
        <v>128</v>
      </c>
      <c r="AR49" s="70">
        <v>1609242300</v>
      </c>
      <c r="AS49" s="70">
        <v>1609242300</v>
      </c>
      <c r="AT49" s="70">
        <v>0</v>
      </c>
      <c r="AU49" s="79">
        <v>1</v>
      </c>
      <c r="AV49" s="70">
        <v>0</v>
      </c>
      <c r="AW49" s="70">
        <v>0</v>
      </c>
      <c r="AX49" s="70">
        <v>0</v>
      </c>
      <c r="AY49" s="110" t="s">
        <v>65</v>
      </c>
      <c r="AZ49" s="70">
        <v>0</v>
      </c>
      <c r="BA49" s="70">
        <v>0</v>
      </c>
      <c r="BB49" s="77">
        <v>0</v>
      </c>
      <c r="BC49" s="70">
        <v>0</v>
      </c>
      <c r="BD49" s="70">
        <v>0</v>
      </c>
      <c r="BE49" s="81">
        <v>0</v>
      </c>
    </row>
    <row r="50" spans="1:57" s="3" customFormat="1" ht="15" customHeight="1" thickBot="1" x14ac:dyDescent="0.2">
      <c r="A50" s="84">
        <v>306</v>
      </c>
      <c r="B50" s="111" t="s">
        <v>130</v>
      </c>
      <c r="C50" s="112">
        <v>841303313</v>
      </c>
      <c r="D50" s="112">
        <v>11643832683</v>
      </c>
      <c r="E50" s="112">
        <v>201886554</v>
      </c>
      <c r="F50" s="42">
        <v>11845719237</v>
      </c>
      <c r="G50" s="112">
        <v>42394788</v>
      </c>
      <c r="H50" s="112">
        <v>1319029299</v>
      </c>
      <c r="I50" s="112">
        <v>3163</v>
      </c>
      <c r="J50" s="112">
        <v>0</v>
      </c>
      <c r="K50" s="112">
        <v>358607137</v>
      </c>
      <c r="L50" s="113">
        <v>11840000</v>
      </c>
      <c r="M50" s="114">
        <v>549861593</v>
      </c>
      <c r="N50" s="84">
        <v>306</v>
      </c>
      <c r="O50" s="111" t="s">
        <v>131</v>
      </c>
      <c r="P50" s="43">
        <v>14127455217</v>
      </c>
      <c r="Q50" s="112">
        <v>4731510064</v>
      </c>
      <c r="R50" s="112">
        <v>345604</v>
      </c>
      <c r="S50" s="112">
        <v>1745932807</v>
      </c>
      <c r="T50" s="112">
        <v>335358</v>
      </c>
      <c r="U50" s="196">
        <v>0</v>
      </c>
      <c r="V50" s="112">
        <v>118339</v>
      </c>
      <c r="W50" s="112">
        <v>2029996633</v>
      </c>
      <c r="X50" s="112">
        <v>604185000</v>
      </c>
      <c r="Y50" s="112">
        <v>0</v>
      </c>
      <c r="Z50" s="113">
        <v>411000</v>
      </c>
      <c r="AA50" s="112">
        <v>99278140</v>
      </c>
      <c r="AB50" s="114">
        <v>439413023</v>
      </c>
      <c r="AC50" s="84">
        <v>306</v>
      </c>
      <c r="AD50" s="111" t="s">
        <v>132</v>
      </c>
      <c r="AE50" s="112">
        <v>0</v>
      </c>
      <c r="AF50" s="113">
        <v>368424035</v>
      </c>
      <c r="AG50" s="32">
        <v>24988708533</v>
      </c>
      <c r="AH50" s="115">
        <v>13500000</v>
      </c>
      <c r="AI50" s="112">
        <v>0</v>
      </c>
      <c r="AJ50" s="112">
        <v>0</v>
      </c>
      <c r="AK50" s="112">
        <v>25002208533</v>
      </c>
      <c r="AL50" s="204">
        <v>-157114831</v>
      </c>
      <c r="AM50" s="43">
        <v>779515514</v>
      </c>
      <c r="AN50" s="112">
        <v>3428903202</v>
      </c>
      <c r="AO50" s="114">
        <v>0</v>
      </c>
      <c r="AP50" s="84">
        <v>306</v>
      </c>
      <c r="AQ50" s="111" t="s">
        <v>133</v>
      </c>
      <c r="AR50" s="112">
        <v>12531583700</v>
      </c>
      <c r="AS50" s="112">
        <v>12531583700</v>
      </c>
      <c r="AT50" s="112">
        <v>0</v>
      </c>
      <c r="AU50" s="116">
        <v>1</v>
      </c>
      <c r="AV50" s="112">
        <v>0</v>
      </c>
      <c r="AW50" s="112">
        <v>0</v>
      </c>
      <c r="AX50" s="112">
        <v>0</v>
      </c>
      <c r="AY50" s="110" t="s">
        <v>65</v>
      </c>
      <c r="AZ50" s="112">
        <v>0</v>
      </c>
      <c r="BA50" s="112">
        <v>0</v>
      </c>
      <c r="BB50" s="42">
        <v>0</v>
      </c>
      <c r="BC50" s="112">
        <v>0</v>
      </c>
      <c r="BD50" s="112">
        <v>0</v>
      </c>
      <c r="BE50" s="44">
        <v>0</v>
      </c>
    </row>
    <row r="51" spans="1:57" s="3" customFormat="1" ht="15" customHeight="1" thickTop="1" thickBot="1" x14ac:dyDescent="0.2">
      <c r="A51" s="147" t="s">
        <v>134</v>
      </c>
      <c r="B51" s="148"/>
      <c r="C51" s="117">
        <v>1572001389</v>
      </c>
      <c r="D51" s="117">
        <v>20244151549</v>
      </c>
      <c r="E51" s="117">
        <v>354925991</v>
      </c>
      <c r="F51" s="118">
        <v>20599077540</v>
      </c>
      <c r="G51" s="117">
        <v>77576555</v>
      </c>
      <c r="H51" s="117">
        <v>2096339537</v>
      </c>
      <c r="I51" s="117">
        <v>104676</v>
      </c>
      <c r="J51" s="117">
        <v>49521</v>
      </c>
      <c r="K51" s="117">
        <v>568730050</v>
      </c>
      <c r="L51" s="119">
        <v>31720000</v>
      </c>
      <c r="M51" s="120">
        <v>635398708</v>
      </c>
      <c r="N51" s="147" t="s">
        <v>135</v>
      </c>
      <c r="O51" s="148"/>
      <c r="P51" s="121">
        <v>24008996587</v>
      </c>
      <c r="Q51" s="117">
        <v>8159211591</v>
      </c>
      <c r="R51" s="117">
        <v>586824</v>
      </c>
      <c r="S51" s="117">
        <v>2880648026</v>
      </c>
      <c r="T51" s="117">
        <v>569430</v>
      </c>
      <c r="U51" s="197">
        <v>-6518</v>
      </c>
      <c r="V51" s="117">
        <v>212605</v>
      </c>
      <c r="W51" s="117">
        <v>3800309274</v>
      </c>
      <c r="X51" s="117">
        <v>1028318000</v>
      </c>
      <c r="Y51" s="117">
        <v>0</v>
      </c>
      <c r="Z51" s="119">
        <v>700000</v>
      </c>
      <c r="AA51" s="117">
        <v>180799762</v>
      </c>
      <c r="AB51" s="120">
        <v>889515896</v>
      </c>
      <c r="AC51" s="147" t="s">
        <v>136</v>
      </c>
      <c r="AD51" s="148"/>
      <c r="AE51" s="117">
        <v>0</v>
      </c>
      <c r="AF51" s="119">
        <v>595416703</v>
      </c>
      <c r="AG51" s="122">
        <v>43117279569</v>
      </c>
      <c r="AH51" s="123">
        <v>103060020</v>
      </c>
      <c r="AI51" s="117">
        <v>0</v>
      </c>
      <c r="AJ51" s="117">
        <v>0</v>
      </c>
      <c r="AK51" s="117">
        <v>43220339589</v>
      </c>
      <c r="AL51" s="205">
        <v>245147329</v>
      </c>
      <c r="AM51" s="121">
        <v>3452152878</v>
      </c>
      <c r="AN51" s="117">
        <v>8712131789</v>
      </c>
      <c r="AO51" s="120">
        <v>0</v>
      </c>
      <c r="AP51" s="147" t="s">
        <v>134</v>
      </c>
      <c r="AQ51" s="148"/>
      <c r="AR51" s="117">
        <v>24258892300</v>
      </c>
      <c r="AS51" s="117">
        <v>24254722800</v>
      </c>
      <c r="AT51" s="117">
        <v>0</v>
      </c>
      <c r="AU51" s="124">
        <v>0.99980000000000002</v>
      </c>
      <c r="AV51" s="117">
        <v>5128600</v>
      </c>
      <c r="AW51" s="117">
        <v>3579400</v>
      </c>
      <c r="AX51" s="117">
        <v>0</v>
      </c>
      <c r="AY51" s="125">
        <v>0.69789999999999996</v>
      </c>
      <c r="AZ51" s="117">
        <v>0</v>
      </c>
      <c r="BA51" s="117">
        <v>0</v>
      </c>
      <c r="BB51" s="118">
        <v>0</v>
      </c>
      <c r="BC51" s="117">
        <v>0</v>
      </c>
      <c r="BD51" s="117">
        <v>0</v>
      </c>
      <c r="BE51" s="126">
        <v>0</v>
      </c>
    </row>
    <row r="52" spans="1:57" x14ac:dyDescent="0.15">
      <c r="C52" s="127"/>
    </row>
    <row r="53" spans="1:57" x14ac:dyDescent="0.15">
      <c r="C53" s="127"/>
    </row>
    <row r="54" spans="1:57" x14ac:dyDescent="0.15">
      <c r="C54" s="127"/>
    </row>
    <row r="55" spans="1:57" x14ac:dyDescent="0.15">
      <c r="C55" s="127"/>
    </row>
    <row r="56" spans="1:57" x14ac:dyDescent="0.15">
      <c r="C56" s="127"/>
    </row>
    <row r="57" spans="1:57" x14ac:dyDescent="0.15">
      <c r="C57" s="127"/>
    </row>
    <row r="58" spans="1:57" x14ac:dyDescent="0.15">
      <c r="C58" s="127"/>
    </row>
    <row r="59" spans="1:57" x14ac:dyDescent="0.15">
      <c r="C59" s="127"/>
    </row>
    <row r="60" spans="1:57" x14ac:dyDescent="0.15">
      <c r="C60" s="127"/>
    </row>
    <row r="61" spans="1:57" x14ac:dyDescent="0.15">
      <c r="C61" s="127"/>
    </row>
    <row r="62" spans="1:57" x14ac:dyDescent="0.15">
      <c r="C62" s="127"/>
    </row>
    <row r="63" spans="1:57" x14ac:dyDescent="0.15">
      <c r="C63" s="127"/>
    </row>
    <row r="64" spans="1:57" x14ac:dyDescent="0.15">
      <c r="C64" s="127"/>
    </row>
    <row r="65" spans="3:3" x14ac:dyDescent="0.15">
      <c r="C65" s="127"/>
    </row>
    <row r="66" spans="3:3" x14ac:dyDescent="0.15">
      <c r="C66" s="127"/>
    </row>
    <row r="67" spans="3:3" x14ac:dyDescent="0.15">
      <c r="C67" s="127"/>
    </row>
    <row r="68" spans="3:3" x14ac:dyDescent="0.15">
      <c r="C68" s="127"/>
    </row>
    <row r="69" spans="3:3" x14ac:dyDescent="0.15">
      <c r="C69" s="127"/>
    </row>
    <row r="70" spans="3:3" x14ac:dyDescent="0.15">
      <c r="C70" s="127"/>
    </row>
    <row r="71" spans="3:3" x14ac:dyDescent="0.15">
      <c r="C71" s="127"/>
    </row>
    <row r="72" spans="3:3" x14ac:dyDescent="0.15">
      <c r="C72" s="127"/>
    </row>
    <row r="73" spans="3:3" x14ac:dyDescent="0.15">
      <c r="C73" s="127"/>
    </row>
    <row r="74" spans="3:3" x14ac:dyDescent="0.15">
      <c r="C74" s="127"/>
    </row>
    <row r="75" spans="3:3" x14ac:dyDescent="0.15">
      <c r="C75" s="127"/>
    </row>
    <row r="76" spans="3:3" x14ac:dyDescent="0.15">
      <c r="C76" s="127"/>
    </row>
    <row r="77" spans="3:3" x14ac:dyDescent="0.15">
      <c r="C77" s="127"/>
    </row>
    <row r="78" spans="3:3" x14ac:dyDescent="0.15">
      <c r="C78" s="127"/>
    </row>
    <row r="79" spans="3:3" x14ac:dyDescent="0.15">
      <c r="C79" s="127"/>
    </row>
    <row r="80" spans="3:3" x14ac:dyDescent="0.15">
      <c r="C80" s="127"/>
    </row>
    <row r="81" spans="3:3" x14ac:dyDescent="0.15">
      <c r="C81" s="127"/>
    </row>
    <row r="82" spans="3:3" x14ac:dyDescent="0.15">
      <c r="C82" s="127"/>
    </row>
    <row r="83" spans="3:3" x14ac:dyDescent="0.15">
      <c r="C83" s="127"/>
    </row>
    <row r="84" spans="3:3" x14ac:dyDescent="0.15">
      <c r="C84" s="127"/>
    </row>
    <row r="85" spans="3:3" x14ac:dyDescent="0.15">
      <c r="C85" s="127"/>
    </row>
    <row r="86" spans="3:3" x14ac:dyDescent="0.15">
      <c r="C86" s="127"/>
    </row>
    <row r="87" spans="3:3" x14ac:dyDescent="0.15">
      <c r="C87" s="127"/>
    </row>
    <row r="88" spans="3:3" x14ac:dyDescent="0.15">
      <c r="C88" s="127"/>
    </row>
    <row r="89" spans="3:3" x14ac:dyDescent="0.15">
      <c r="C89" s="127"/>
    </row>
    <row r="90" spans="3:3" x14ac:dyDescent="0.15">
      <c r="C90" s="127"/>
    </row>
    <row r="91" spans="3:3" x14ac:dyDescent="0.15">
      <c r="C91" s="127"/>
    </row>
    <row r="92" spans="3:3" x14ac:dyDescent="0.15">
      <c r="C92" s="127"/>
    </row>
    <row r="93" spans="3:3" x14ac:dyDescent="0.15">
      <c r="C93" s="127"/>
    </row>
    <row r="94" spans="3:3" x14ac:dyDescent="0.15">
      <c r="C94" s="127"/>
    </row>
    <row r="96" spans="3:3" x14ac:dyDescent="0.15">
      <c r="C96" s="127"/>
    </row>
    <row r="97" spans="3:3" x14ac:dyDescent="0.15">
      <c r="C97" s="127"/>
    </row>
    <row r="98" spans="3:3" x14ac:dyDescent="0.15">
      <c r="C98" s="127"/>
    </row>
    <row r="99" spans="3:3" x14ac:dyDescent="0.15">
      <c r="C99" s="127"/>
    </row>
    <row r="100" spans="3:3" x14ac:dyDescent="0.15">
      <c r="C100" s="127"/>
    </row>
    <row r="101" spans="3:3" x14ac:dyDescent="0.15">
      <c r="C101" s="127"/>
    </row>
    <row r="102" spans="3:3" x14ac:dyDescent="0.15">
      <c r="C102" s="127"/>
    </row>
    <row r="103" spans="3:3" x14ac:dyDescent="0.15">
      <c r="C103" s="127"/>
    </row>
    <row r="104" spans="3:3" x14ac:dyDescent="0.15">
      <c r="C104" s="127"/>
    </row>
    <row r="105" spans="3:3" x14ac:dyDescent="0.15">
      <c r="C105" s="127"/>
    </row>
    <row r="106" spans="3:3" x14ac:dyDescent="0.15">
      <c r="C106" s="127"/>
    </row>
    <row r="107" spans="3:3" x14ac:dyDescent="0.15">
      <c r="C107" s="127"/>
    </row>
    <row r="108" spans="3:3" x14ac:dyDescent="0.15">
      <c r="C108" s="127"/>
    </row>
    <row r="109" spans="3:3" x14ac:dyDescent="0.15">
      <c r="C109" s="127"/>
    </row>
    <row r="110" spans="3:3" x14ac:dyDescent="0.15">
      <c r="C110" s="127"/>
    </row>
    <row r="111" spans="3:3" x14ac:dyDescent="0.15">
      <c r="C111" s="127"/>
    </row>
    <row r="112" spans="3:3" x14ac:dyDescent="0.15">
      <c r="C112" s="127"/>
    </row>
    <row r="113" spans="3:3" x14ac:dyDescent="0.15">
      <c r="C113" s="127"/>
    </row>
    <row r="114" spans="3:3" x14ac:dyDescent="0.15">
      <c r="C114" s="127"/>
    </row>
    <row r="115" spans="3:3" x14ac:dyDescent="0.15">
      <c r="C115" s="127"/>
    </row>
    <row r="116" spans="3:3" x14ac:dyDescent="0.15">
      <c r="C116" s="127"/>
    </row>
    <row r="117" spans="3:3" x14ac:dyDescent="0.15">
      <c r="C117" s="127"/>
    </row>
    <row r="118" spans="3:3" x14ac:dyDescent="0.15">
      <c r="C118" s="127"/>
    </row>
    <row r="119" spans="3:3" x14ac:dyDescent="0.15">
      <c r="C119" s="127"/>
    </row>
    <row r="120" spans="3:3" x14ac:dyDescent="0.15">
      <c r="C120" s="127"/>
    </row>
    <row r="121" spans="3:3" x14ac:dyDescent="0.15">
      <c r="C121" s="127"/>
    </row>
    <row r="122" spans="3:3" x14ac:dyDescent="0.15">
      <c r="C122" s="127"/>
    </row>
    <row r="123" spans="3:3" x14ac:dyDescent="0.15">
      <c r="C123" s="127"/>
    </row>
    <row r="124" spans="3:3" x14ac:dyDescent="0.15">
      <c r="C124" s="127"/>
    </row>
    <row r="125" spans="3:3" x14ac:dyDescent="0.15">
      <c r="C125" s="127"/>
    </row>
    <row r="126" spans="3:3" x14ac:dyDescent="0.15">
      <c r="C126" s="127"/>
    </row>
    <row r="127" spans="3:3" x14ac:dyDescent="0.15">
      <c r="C127" s="127"/>
    </row>
    <row r="128" spans="3:3" x14ac:dyDescent="0.15">
      <c r="C128" s="127"/>
    </row>
    <row r="129" spans="3:3" x14ac:dyDescent="0.15">
      <c r="C129" s="127"/>
    </row>
    <row r="130" spans="3:3" x14ac:dyDescent="0.15">
      <c r="C130" s="127"/>
    </row>
    <row r="131" spans="3:3" x14ac:dyDescent="0.15">
      <c r="C131" s="127"/>
    </row>
    <row r="132" spans="3:3" x14ac:dyDescent="0.15">
      <c r="C132" s="127"/>
    </row>
    <row r="133" spans="3:3" x14ac:dyDescent="0.15">
      <c r="C133" s="127"/>
    </row>
    <row r="134" spans="3:3" x14ac:dyDescent="0.15">
      <c r="C134" s="127"/>
    </row>
    <row r="135" spans="3:3" x14ac:dyDescent="0.15">
      <c r="C135" s="127"/>
    </row>
    <row r="136" spans="3:3" x14ac:dyDescent="0.15">
      <c r="C136" s="127"/>
    </row>
    <row r="137" spans="3:3" x14ac:dyDescent="0.15">
      <c r="C137" s="127"/>
    </row>
    <row r="138" spans="3:3" x14ac:dyDescent="0.15">
      <c r="C138" s="127"/>
    </row>
    <row r="139" spans="3:3" x14ac:dyDescent="0.15">
      <c r="C139" s="127"/>
    </row>
    <row r="140" spans="3:3" x14ac:dyDescent="0.15">
      <c r="C140" s="127"/>
    </row>
    <row r="141" spans="3:3" x14ac:dyDescent="0.15">
      <c r="C141" s="127"/>
    </row>
    <row r="142" spans="3:3" x14ac:dyDescent="0.15">
      <c r="C142" s="127"/>
    </row>
    <row r="143" spans="3:3" x14ac:dyDescent="0.15">
      <c r="C143" s="127"/>
    </row>
    <row r="144" spans="3:3" x14ac:dyDescent="0.15">
      <c r="C144" s="127"/>
    </row>
    <row r="145" spans="3:3" x14ac:dyDescent="0.15">
      <c r="C145" s="127"/>
    </row>
    <row r="146" spans="3:3" x14ac:dyDescent="0.15">
      <c r="C146" s="127"/>
    </row>
    <row r="147" spans="3:3" x14ac:dyDescent="0.15">
      <c r="C147" s="127"/>
    </row>
    <row r="148" spans="3:3" x14ac:dyDescent="0.15">
      <c r="C148" s="127"/>
    </row>
    <row r="149" spans="3:3" x14ac:dyDescent="0.15">
      <c r="C149" s="127"/>
    </row>
    <row r="150" spans="3:3" x14ac:dyDescent="0.15">
      <c r="C150" s="127"/>
    </row>
    <row r="151" spans="3:3" x14ac:dyDescent="0.15">
      <c r="C151" s="127"/>
    </row>
  </sheetData>
  <mergeCells count="62">
    <mergeCell ref="A3:B5"/>
    <mergeCell ref="N3:O5"/>
    <mergeCell ref="Q3:R3"/>
    <mergeCell ref="S3:T3"/>
    <mergeCell ref="U3:V3"/>
    <mergeCell ref="M4:M5"/>
    <mergeCell ref="P4:P5"/>
    <mergeCell ref="Q4:Q5"/>
    <mergeCell ref="R4:R5"/>
    <mergeCell ref="AP3:AQ5"/>
    <mergeCell ref="H4:H5"/>
    <mergeCell ref="I4:I5"/>
    <mergeCell ref="J4:J5"/>
    <mergeCell ref="K4:K5"/>
    <mergeCell ref="L4:L5"/>
    <mergeCell ref="AA3:AB3"/>
    <mergeCell ref="AC3:AD5"/>
    <mergeCell ref="AE3:AE5"/>
    <mergeCell ref="AF3:AF5"/>
    <mergeCell ref="AG3:AG5"/>
    <mergeCell ref="AH3:AH5"/>
    <mergeCell ref="AA4:AA5"/>
    <mergeCell ref="AB4:AB5"/>
    <mergeCell ref="X3:Z3"/>
    <mergeCell ref="AN4:AN5"/>
    <mergeCell ref="S4:S5"/>
    <mergeCell ref="T4:T5"/>
    <mergeCell ref="U4:U5"/>
    <mergeCell ref="V4:V5"/>
    <mergeCell ref="Z4:Z5"/>
    <mergeCell ref="AI3:AI5"/>
    <mergeCell ref="AJ3:AJ5"/>
    <mergeCell ref="AK3:AK5"/>
    <mergeCell ref="AL3:AL5"/>
    <mergeCell ref="A6:B6"/>
    <mergeCell ref="N6:O6"/>
    <mergeCell ref="AC6:AD6"/>
    <mergeCell ref="AP6:AQ6"/>
    <mergeCell ref="A7:B7"/>
    <mergeCell ref="N7:O7"/>
    <mergeCell ref="AC7:AD7"/>
    <mergeCell ref="AP7:AQ7"/>
    <mergeCell ref="A8:B8"/>
    <mergeCell ref="N8:O8"/>
    <mergeCell ref="AC8:AD8"/>
    <mergeCell ref="AP8:AQ8"/>
    <mergeCell ref="A9:B9"/>
    <mergeCell ref="N9:O9"/>
    <mergeCell ref="AC9:AD9"/>
    <mergeCell ref="AP9:AQ9"/>
    <mergeCell ref="A51:B51"/>
    <mergeCell ref="N51:O51"/>
    <mergeCell ref="AC51:AD51"/>
    <mergeCell ref="AP51:AQ51"/>
    <mergeCell ref="A10:B10"/>
    <mergeCell ref="N10:O10"/>
    <mergeCell ref="AC10:AD10"/>
    <mergeCell ref="AP10:AQ10"/>
    <mergeCell ref="A44:B44"/>
    <mergeCell ref="N44:O44"/>
    <mergeCell ref="AC44:AD44"/>
    <mergeCell ref="AP44:AQ44"/>
  </mergeCells>
  <phoneticPr fontId="2"/>
  <printOptions horizontalCentered="1"/>
  <pageMargins left="0.7" right="0.7" top="0.75" bottom="0.75" header="0.3" footer="0.3"/>
  <pageSetup paperSize="9" scale="70" orientation="landscape" blackAndWhite="1" r:id="rId1"/>
  <headerFooter alignWithMargins="0"/>
  <colBreaks count="3" manualBreakCount="3">
    <brk id="13" max="1048575" man="1"/>
    <brk id="28" max="1048575" man="1"/>
    <brk id="41" max="51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第7表 (2)</vt:lpstr>
      <vt:lpstr>'第7表 (2)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8T01:22:25Z</cp:lastPrinted>
  <dcterms:created xsi:type="dcterms:W3CDTF">2018-03-07T02:29:43Z</dcterms:created>
  <dcterms:modified xsi:type="dcterms:W3CDTF">2018-03-08T01:23:23Z</dcterms:modified>
</cp:coreProperties>
</file>